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D95A2BE" w14:textId="468C0A8B" w:rsidR="00425FE8" w:rsidRDefault="00A22E52" w:rsidP="00425FE8">
      <w:pPr>
        <w:jc w:val="center"/>
        <w:rPr>
          <w:b/>
          <w:bCs/>
        </w:rPr>
      </w:pPr>
      <w:r w:rsidRPr="00425FE8">
        <w:rPr>
          <w:b/>
          <w:bCs/>
        </w:rPr>
        <w:t>Treatment of Environmental Data</w:t>
      </w:r>
      <w:r w:rsidR="00425FE8">
        <w:rPr>
          <w:b/>
          <w:bCs/>
        </w:rPr>
        <w:t xml:space="preserve"> </w:t>
      </w:r>
    </w:p>
    <w:p w14:paraId="057D641F" w14:textId="39200BA2" w:rsidR="00425FE8" w:rsidRPr="00425FE8" w:rsidRDefault="00425FE8" w:rsidP="00425FE8">
      <w:pPr>
        <w:jc w:val="center"/>
        <w:rPr>
          <w:sz w:val="28"/>
          <w:szCs w:val="28"/>
        </w:rPr>
      </w:pPr>
      <w:r w:rsidRPr="00425FE8">
        <w:rPr>
          <w:sz w:val="28"/>
          <w:szCs w:val="28"/>
        </w:rPr>
        <w:t>Questions and Answers</w:t>
      </w:r>
    </w:p>
    <w:p w14:paraId="1D6B2743" w14:textId="32CDEDE9" w:rsidR="00425FE8" w:rsidRDefault="00425FE8" w:rsidP="00425FE8">
      <w:pPr>
        <w:jc w:val="center"/>
        <w:rPr>
          <w:b/>
          <w:bCs/>
        </w:rPr>
      </w:pPr>
    </w:p>
    <w:p w14:paraId="28FF80B1" w14:textId="3473AB44" w:rsidR="00E877E3" w:rsidRDefault="00A22A3B" w:rsidP="00425FE8">
      <w:pPr>
        <w:rPr>
          <w:b/>
          <w:bCs/>
        </w:rPr>
      </w:pPr>
      <w:r>
        <w:rPr>
          <w:b/>
          <w:bCs/>
        </w:rPr>
        <w:t>Part 1</w:t>
      </w:r>
    </w:p>
    <w:p w14:paraId="4923CFF9" w14:textId="77777777" w:rsidR="00E877E3" w:rsidRPr="00E877E3" w:rsidRDefault="00E877E3" w:rsidP="00425FE8">
      <w:pPr>
        <w:rPr>
          <w:b/>
          <w:bCs/>
        </w:rPr>
      </w:pPr>
    </w:p>
    <w:tbl>
      <w:tblPr>
        <w:tblW w:w="5452" w:type="dxa"/>
        <w:tblInd w:w="1796" w:type="dxa"/>
        <w:tblLook w:val="04A0" w:firstRow="1" w:lastRow="0" w:firstColumn="1" w:lastColumn="0" w:noHBand="0" w:noVBand="1"/>
      </w:tblPr>
      <w:tblGrid>
        <w:gridCol w:w="1021"/>
        <w:gridCol w:w="1113"/>
        <w:gridCol w:w="1129"/>
        <w:gridCol w:w="1129"/>
        <w:gridCol w:w="1060"/>
      </w:tblGrid>
      <w:tr w:rsidR="00E877E3" w:rsidRPr="00E877E3" w14:paraId="4EF6760B" w14:textId="77777777" w:rsidTr="00E877E3">
        <w:trPr>
          <w:trHeight w:val="280"/>
        </w:trPr>
        <w:tc>
          <w:tcPr>
            <w:tcW w:w="2134" w:type="dxa"/>
            <w:gridSpan w:val="2"/>
            <w:tcBorders>
              <w:top w:val="nil"/>
              <w:left w:val="nil"/>
              <w:bottom w:val="nil"/>
              <w:right w:val="nil"/>
            </w:tcBorders>
            <w:shd w:val="clear" w:color="000000" w:fill="FF99CC"/>
            <w:noWrap/>
            <w:vAlign w:val="bottom"/>
            <w:hideMark/>
          </w:tcPr>
          <w:p w14:paraId="029B491D" w14:textId="77777777" w:rsidR="00E877E3" w:rsidRPr="00E877E3" w:rsidRDefault="00E877E3" w:rsidP="00E877E3">
            <w:pPr>
              <w:rPr>
                <w:rFonts w:eastAsia="Times New Roman" w:cstheme="minorHAnsi"/>
                <w:b/>
                <w:bCs/>
                <w:lang w:eastAsia="en-GB"/>
              </w:rPr>
            </w:pPr>
            <w:r w:rsidRPr="00E877E3">
              <w:rPr>
                <w:rFonts w:eastAsia="Times New Roman" w:cstheme="minorHAnsi"/>
                <w:b/>
                <w:bCs/>
                <w:lang w:eastAsia="en-GB"/>
              </w:rPr>
              <w:t>Correlation Table</w:t>
            </w:r>
          </w:p>
        </w:tc>
        <w:tc>
          <w:tcPr>
            <w:tcW w:w="1129" w:type="dxa"/>
            <w:tcBorders>
              <w:top w:val="nil"/>
              <w:left w:val="nil"/>
              <w:bottom w:val="nil"/>
              <w:right w:val="nil"/>
            </w:tcBorders>
            <w:shd w:val="clear" w:color="000000" w:fill="FF99CC"/>
            <w:noWrap/>
            <w:vAlign w:val="bottom"/>
            <w:hideMark/>
          </w:tcPr>
          <w:p w14:paraId="1A5098CE" w14:textId="77777777" w:rsidR="00E877E3" w:rsidRPr="00E877E3" w:rsidRDefault="00E877E3" w:rsidP="00E877E3">
            <w:pPr>
              <w:rPr>
                <w:rFonts w:eastAsia="Times New Roman" w:cstheme="minorHAnsi"/>
                <w:lang w:eastAsia="en-GB"/>
              </w:rPr>
            </w:pPr>
            <w:r w:rsidRPr="00E877E3">
              <w:rPr>
                <w:rFonts w:eastAsia="Times New Roman" w:cstheme="minorHAnsi"/>
                <w:lang w:eastAsia="en-GB"/>
              </w:rPr>
              <w:t> </w:t>
            </w:r>
          </w:p>
        </w:tc>
        <w:tc>
          <w:tcPr>
            <w:tcW w:w="1129" w:type="dxa"/>
            <w:tcBorders>
              <w:top w:val="nil"/>
              <w:left w:val="nil"/>
              <w:bottom w:val="nil"/>
              <w:right w:val="nil"/>
            </w:tcBorders>
            <w:shd w:val="clear" w:color="000000" w:fill="FF99CC"/>
            <w:noWrap/>
            <w:vAlign w:val="bottom"/>
            <w:hideMark/>
          </w:tcPr>
          <w:p w14:paraId="2102E451" w14:textId="77777777" w:rsidR="00E877E3" w:rsidRPr="00E877E3" w:rsidRDefault="00E877E3" w:rsidP="00E877E3">
            <w:pPr>
              <w:rPr>
                <w:rFonts w:eastAsia="Times New Roman" w:cstheme="minorHAnsi"/>
                <w:lang w:eastAsia="en-GB"/>
              </w:rPr>
            </w:pPr>
            <w:r w:rsidRPr="00E877E3">
              <w:rPr>
                <w:rFonts w:eastAsia="Times New Roman" w:cstheme="minorHAnsi"/>
                <w:lang w:eastAsia="en-GB"/>
              </w:rPr>
              <w:t> </w:t>
            </w:r>
          </w:p>
        </w:tc>
        <w:tc>
          <w:tcPr>
            <w:tcW w:w="1060" w:type="dxa"/>
            <w:tcBorders>
              <w:top w:val="nil"/>
              <w:left w:val="nil"/>
              <w:bottom w:val="nil"/>
              <w:right w:val="nil"/>
            </w:tcBorders>
            <w:shd w:val="clear" w:color="000000" w:fill="FF99CC"/>
            <w:noWrap/>
            <w:vAlign w:val="bottom"/>
            <w:hideMark/>
          </w:tcPr>
          <w:p w14:paraId="06FDBADD" w14:textId="77777777" w:rsidR="00E877E3" w:rsidRPr="00E877E3" w:rsidRDefault="00E877E3" w:rsidP="00E877E3">
            <w:pPr>
              <w:rPr>
                <w:rFonts w:eastAsia="Times New Roman" w:cstheme="minorHAnsi"/>
                <w:lang w:eastAsia="en-GB"/>
              </w:rPr>
            </w:pPr>
            <w:r w:rsidRPr="00E877E3">
              <w:rPr>
                <w:rFonts w:eastAsia="Times New Roman" w:cstheme="minorHAnsi"/>
                <w:lang w:eastAsia="en-GB"/>
              </w:rPr>
              <w:t> </w:t>
            </w:r>
          </w:p>
        </w:tc>
      </w:tr>
      <w:tr w:rsidR="00E877E3" w:rsidRPr="00E877E3" w14:paraId="1B075BFB" w14:textId="77777777" w:rsidTr="00E877E3">
        <w:trPr>
          <w:trHeight w:val="260"/>
        </w:trPr>
        <w:tc>
          <w:tcPr>
            <w:tcW w:w="1021" w:type="dxa"/>
            <w:tcBorders>
              <w:top w:val="single" w:sz="8" w:space="0" w:color="auto"/>
              <w:left w:val="nil"/>
              <w:bottom w:val="single" w:sz="4" w:space="0" w:color="auto"/>
              <w:right w:val="nil"/>
            </w:tcBorders>
            <w:shd w:val="clear" w:color="auto" w:fill="auto"/>
            <w:noWrap/>
            <w:vAlign w:val="bottom"/>
            <w:hideMark/>
          </w:tcPr>
          <w:p w14:paraId="601B61F4" w14:textId="77777777" w:rsidR="00E877E3" w:rsidRPr="00E877E3" w:rsidRDefault="00E877E3" w:rsidP="00E877E3">
            <w:pPr>
              <w:jc w:val="center"/>
              <w:rPr>
                <w:rFonts w:eastAsia="Times New Roman" w:cstheme="minorHAnsi"/>
                <w:i/>
                <w:iCs/>
                <w:lang w:eastAsia="en-GB"/>
              </w:rPr>
            </w:pPr>
            <w:r w:rsidRPr="00E877E3">
              <w:rPr>
                <w:rFonts w:eastAsia="Times New Roman" w:cstheme="minorHAnsi"/>
                <w:i/>
                <w:iCs/>
                <w:lang w:eastAsia="en-GB"/>
              </w:rPr>
              <w:t> </w:t>
            </w:r>
          </w:p>
        </w:tc>
        <w:tc>
          <w:tcPr>
            <w:tcW w:w="1113" w:type="dxa"/>
            <w:tcBorders>
              <w:top w:val="single" w:sz="8" w:space="0" w:color="auto"/>
              <w:left w:val="nil"/>
              <w:bottom w:val="single" w:sz="4" w:space="0" w:color="auto"/>
              <w:right w:val="nil"/>
            </w:tcBorders>
            <w:shd w:val="clear" w:color="auto" w:fill="auto"/>
            <w:noWrap/>
            <w:vAlign w:val="bottom"/>
            <w:hideMark/>
          </w:tcPr>
          <w:p w14:paraId="1589C54E" w14:textId="77777777" w:rsidR="00E877E3" w:rsidRPr="00E877E3" w:rsidRDefault="00E877E3" w:rsidP="00E877E3">
            <w:pPr>
              <w:jc w:val="center"/>
              <w:rPr>
                <w:rFonts w:eastAsia="Times New Roman" w:cstheme="minorHAnsi"/>
                <w:i/>
                <w:iCs/>
                <w:lang w:eastAsia="en-GB"/>
              </w:rPr>
            </w:pPr>
            <w:r w:rsidRPr="00E877E3">
              <w:rPr>
                <w:rFonts w:eastAsia="Times New Roman" w:cstheme="minorHAnsi"/>
                <w:i/>
                <w:iCs/>
                <w:lang w:eastAsia="en-GB"/>
              </w:rPr>
              <w:t>sucrose</w:t>
            </w:r>
          </w:p>
        </w:tc>
        <w:tc>
          <w:tcPr>
            <w:tcW w:w="1129" w:type="dxa"/>
            <w:tcBorders>
              <w:top w:val="single" w:sz="8" w:space="0" w:color="auto"/>
              <w:left w:val="nil"/>
              <w:bottom w:val="single" w:sz="4" w:space="0" w:color="auto"/>
              <w:right w:val="nil"/>
            </w:tcBorders>
            <w:shd w:val="clear" w:color="auto" w:fill="auto"/>
            <w:noWrap/>
            <w:vAlign w:val="bottom"/>
            <w:hideMark/>
          </w:tcPr>
          <w:p w14:paraId="6162F7E2" w14:textId="77777777" w:rsidR="00E877E3" w:rsidRPr="00E877E3" w:rsidRDefault="00E877E3" w:rsidP="00E877E3">
            <w:pPr>
              <w:jc w:val="center"/>
              <w:rPr>
                <w:rFonts w:eastAsia="Times New Roman" w:cstheme="minorHAnsi"/>
                <w:i/>
                <w:iCs/>
                <w:lang w:eastAsia="en-GB"/>
              </w:rPr>
            </w:pPr>
            <w:r w:rsidRPr="00E877E3">
              <w:rPr>
                <w:rFonts w:eastAsia="Times New Roman" w:cstheme="minorHAnsi"/>
                <w:i/>
                <w:iCs/>
                <w:lang w:eastAsia="en-GB"/>
              </w:rPr>
              <w:t>glucose</w:t>
            </w:r>
          </w:p>
        </w:tc>
        <w:tc>
          <w:tcPr>
            <w:tcW w:w="1129" w:type="dxa"/>
            <w:tcBorders>
              <w:top w:val="single" w:sz="8" w:space="0" w:color="auto"/>
              <w:left w:val="nil"/>
              <w:bottom w:val="single" w:sz="4" w:space="0" w:color="auto"/>
              <w:right w:val="nil"/>
            </w:tcBorders>
            <w:shd w:val="clear" w:color="auto" w:fill="auto"/>
            <w:noWrap/>
            <w:vAlign w:val="bottom"/>
            <w:hideMark/>
          </w:tcPr>
          <w:p w14:paraId="2CCC7BEF" w14:textId="77777777" w:rsidR="00E877E3" w:rsidRPr="00E877E3" w:rsidRDefault="00E877E3" w:rsidP="00E877E3">
            <w:pPr>
              <w:jc w:val="center"/>
              <w:rPr>
                <w:rFonts w:eastAsia="Times New Roman" w:cstheme="minorHAnsi"/>
                <w:i/>
                <w:iCs/>
                <w:lang w:eastAsia="en-GB"/>
              </w:rPr>
            </w:pPr>
            <w:r w:rsidRPr="00E877E3">
              <w:rPr>
                <w:rFonts w:eastAsia="Times New Roman" w:cstheme="minorHAnsi"/>
                <w:i/>
                <w:iCs/>
                <w:lang w:eastAsia="en-GB"/>
              </w:rPr>
              <w:t>fructose</w:t>
            </w:r>
          </w:p>
        </w:tc>
        <w:tc>
          <w:tcPr>
            <w:tcW w:w="1060" w:type="dxa"/>
            <w:tcBorders>
              <w:top w:val="single" w:sz="8" w:space="0" w:color="auto"/>
              <w:left w:val="nil"/>
              <w:bottom w:val="single" w:sz="4" w:space="0" w:color="auto"/>
              <w:right w:val="nil"/>
            </w:tcBorders>
            <w:shd w:val="clear" w:color="auto" w:fill="auto"/>
            <w:noWrap/>
            <w:vAlign w:val="bottom"/>
            <w:hideMark/>
          </w:tcPr>
          <w:p w14:paraId="3BBB49B4" w14:textId="77777777" w:rsidR="00E877E3" w:rsidRPr="00E877E3" w:rsidRDefault="00E877E3" w:rsidP="00E877E3">
            <w:pPr>
              <w:jc w:val="center"/>
              <w:rPr>
                <w:rFonts w:eastAsia="Times New Roman" w:cstheme="minorHAnsi"/>
                <w:i/>
                <w:iCs/>
                <w:lang w:eastAsia="en-GB"/>
              </w:rPr>
            </w:pPr>
            <w:r w:rsidRPr="00E877E3">
              <w:rPr>
                <w:rFonts w:eastAsia="Times New Roman" w:cstheme="minorHAnsi"/>
                <w:i/>
                <w:iCs/>
                <w:lang w:eastAsia="en-GB"/>
              </w:rPr>
              <w:t>sorbitol</w:t>
            </w:r>
          </w:p>
        </w:tc>
      </w:tr>
      <w:tr w:rsidR="00E877E3" w:rsidRPr="00E877E3" w14:paraId="087BF184" w14:textId="77777777" w:rsidTr="00E877E3">
        <w:trPr>
          <w:trHeight w:val="260"/>
        </w:trPr>
        <w:tc>
          <w:tcPr>
            <w:tcW w:w="1021" w:type="dxa"/>
            <w:tcBorders>
              <w:top w:val="nil"/>
              <w:left w:val="nil"/>
              <w:bottom w:val="nil"/>
              <w:right w:val="nil"/>
            </w:tcBorders>
            <w:shd w:val="clear" w:color="auto" w:fill="auto"/>
            <w:noWrap/>
            <w:vAlign w:val="bottom"/>
            <w:hideMark/>
          </w:tcPr>
          <w:p w14:paraId="04605AA5" w14:textId="77777777" w:rsidR="00E877E3" w:rsidRPr="00E877E3" w:rsidRDefault="00E877E3" w:rsidP="00E877E3">
            <w:pPr>
              <w:rPr>
                <w:rFonts w:eastAsia="Times New Roman" w:cstheme="minorHAnsi"/>
                <w:lang w:eastAsia="en-GB"/>
              </w:rPr>
            </w:pPr>
            <w:r w:rsidRPr="00E877E3">
              <w:rPr>
                <w:rFonts w:eastAsia="Times New Roman" w:cstheme="minorHAnsi"/>
                <w:lang w:eastAsia="en-GB"/>
              </w:rPr>
              <w:t>sucrose</w:t>
            </w:r>
          </w:p>
        </w:tc>
        <w:tc>
          <w:tcPr>
            <w:tcW w:w="1113" w:type="dxa"/>
            <w:tcBorders>
              <w:top w:val="nil"/>
              <w:left w:val="nil"/>
              <w:bottom w:val="nil"/>
              <w:right w:val="nil"/>
            </w:tcBorders>
            <w:shd w:val="clear" w:color="auto" w:fill="auto"/>
            <w:noWrap/>
            <w:vAlign w:val="bottom"/>
            <w:hideMark/>
          </w:tcPr>
          <w:p w14:paraId="7F8210BA"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1</w:t>
            </w:r>
          </w:p>
        </w:tc>
        <w:tc>
          <w:tcPr>
            <w:tcW w:w="1129" w:type="dxa"/>
            <w:tcBorders>
              <w:top w:val="nil"/>
              <w:left w:val="nil"/>
              <w:bottom w:val="nil"/>
              <w:right w:val="nil"/>
            </w:tcBorders>
            <w:shd w:val="clear" w:color="auto" w:fill="auto"/>
            <w:noWrap/>
            <w:vAlign w:val="bottom"/>
            <w:hideMark/>
          </w:tcPr>
          <w:p w14:paraId="3BC8B6E4" w14:textId="77777777" w:rsidR="00E877E3" w:rsidRPr="00E877E3" w:rsidRDefault="00E877E3" w:rsidP="00E877E3">
            <w:pPr>
              <w:jc w:val="right"/>
              <w:rPr>
                <w:rFonts w:eastAsia="Times New Roman" w:cstheme="minorHAnsi"/>
                <w:lang w:eastAsia="en-GB"/>
              </w:rPr>
            </w:pPr>
          </w:p>
        </w:tc>
        <w:tc>
          <w:tcPr>
            <w:tcW w:w="1129" w:type="dxa"/>
            <w:tcBorders>
              <w:top w:val="nil"/>
              <w:left w:val="nil"/>
              <w:bottom w:val="nil"/>
              <w:right w:val="nil"/>
            </w:tcBorders>
            <w:shd w:val="clear" w:color="auto" w:fill="auto"/>
            <w:noWrap/>
            <w:vAlign w:val="bottom"/>
            <w:hideMark/>
          </w:tcPr>
          <w:p w14:paraId="1E1D2478" w14:textId="77777777" w:rsidR="00E877E3" w:rsidRPr="00E877E3" w:rsidRDefault="00E877E3" w:rsidP="00E877E3">
            <w:pPr>
              <w:rPr>
                <w:rFonts w:eastAsia="Times New Roman" w:cstheme="minorHAnsi"/>
                <w:lang w:eastAsia="en-GB"/>
              </w:rPr>
            </w:pPr>
          </w:p>
        </w:tc>
        <w:tc>
          <w:tcPr>
            <w:tcW w:w="1060" w:type="dxa"/>
            <w:tcBorders>
              <w:top w:val="nil"/>
              <w:left w:val="nil"/>
              <w:bottom w:val="nil"/>
              <w:right w:val="nil"/>
            </w:tcBorders>
            <w:shd w:val="clear" w:color="auto" w:fill="auto"/>
            <w:noWrap/>
            <w:vAlign w:val="bottom"/>
            <w:hideMark/>
          </w:tcPr>
          <w:p w14:paraId="5F0CC8B0" w14:textId="77777777" w:rsidR="00E877E3" w:rsidRPr="00E877E3" w:rsidRDefault="00E877E3" w:rsidP="00E877E3">
            <w:pPr>
              <w:rPr>
                <w:rFonts w:eastAsia="Times New Roman" w:cstheme="minorHAnsi"/>
                <w:lang w:eastAsia="en-GB"/>
              </w:rPr>
            </w:pPr>
          </w:p>
        </w:tc>
      </w:tr>
      <w:tr w:rsidR="00E877E3" w:rsidRPr="00E877E3" w14:paraId="7EC6651D" w14:textId="77777777" w:rsidTr="00E877E3">
        <w:trPr>
          <w:trHeight w:val="260"/>
        </w:trPr>
        <w:tc>
          <w:tcPr>
            <w:tcW w:w="1021" w:type="dxa"/>
            <w:tcBorders>
              <w:top w:val="nil"/>
              <w:left w:val="nil"/>
              <w:bottom w:val="nil"/>
              <w:right w:val="nil"/>
            </w:tcBorders>
            <w:shd w:val="clear" w:color="auto" w:fill="auto"/>
            <w:noWrap/>
            <w:vAlign w:val="bottom"/>
            <w:hideMark/>
          </w:tcPr>
          <w:p w14:paraId="15ED05CF" w14:textId="77777777" w:rsidR="00E877E3" w:rsidRPr="00E877E3" w:rsidRDefault="00E877E3" w:rsidP="00E877E3">
            <w:pPr>
              <w:rPr>
                <w:rFonts w:eastAsia="Times New Roman" w:cstheme="minorHAnsi"/>
                <w:lang w:eastAsia="en-GB"/>
              </w:rPr>
            </w:pPr>
            <w:r w:rsidRPr="00E877E3">
              <w:rPr>
                <w:rFonts w:eastAsia="Times New Roman" w:cstheme="minorHAnsi"/>
                <w:lang w:eastAsia="en-GB"/>
              </w:rPr>
              <w:t>glucose</w:t>
            </w:r>
          </w:p>
        </w:tc>
        <w:tc>
          <w:tcPr>
            <w:tcW w:w="1113" w:type="dxa"/>
            <w:tcBorders>
              <w:top w:val="nil"/>
              <w:left w:val="nil"/>
              <w:bottom w:val="nil"/>
              <w:right w:val="nil"/>
            </w:tcBorders>
            <w:shd w:val="clear" w:color="auto" w:fill="auto"/>
            <w:noWrap/>
            <w:vAlign w:val="bottom"/>
            <w:hideMark/>
          </w:tcPr>
          <w:p w14:paraId="41049A29"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0.77474</w:t>
            </w:r>
          </w:p>
        </w:tc>
        <w:tc>
          <w:tcPr>
            <w:tcW w:w="1129" w:type="dxa"/>
            <w:tcBorders>
              <w:top w:val="nil"/>
              <w:left w:val="nil"/>
              <w:bottom w:val="nil"/>
              <w:right w:val="nil"/>
            </w:tcBorders>
            <w:shd w:val="clear" w:color="auto" w:fill="auto"/>
            <w:noWrap/>
            <w:vAlign w:val="bottom"/>
            <w:hideMark/>
          </w:tcPr>
          <w:p w14:paraId="689AE711"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1</w:t>
            </w:r>
          </w:p>
        </w:tc>
        <w:tc>
          <w:tcPr>
            <w:tcW w:w="1129" w:type="dxa"/>
            <w:tcBorders>
              <w:top w:val="nil"/>
              <w:left w:val="nil"/>
              <w:bottom w:val="nil"/>
              <w:right w:val="nil"/>
            </w:tcBorders>
            <w:shd w:val="clear" w:color="auto" w:fill="auto"/>
            <w:noWrap/>
            <w:vAlign w:val="bottom"/>
            <w:hideMark/>
          </w:tcPr>
          <w:p w14:paraId="199F5EA8" w14:textId="77777777" w:rsidR="00E877E3" w:rsidRPr="00E877E3" w:rsidRDefault="00E877E3" w:rsidP="00E877E3">
            <w:pPr>
              <w:jc w:val="right"/>
              <w:rPr>
                <w:rFonts w:eastAsia="Times New Roman" w:cstheme="minorHAnsi"/>
                <w:lang w:eastAsia="en-GB"/>
              </w:rPr>
            </w:pPr>
          </w:p>
        </w:tc>
        <w:tc>
          <w:tcPr>
            <w:tcW w:w="1060" w:type="dxa"/>
            <w:tcBorders>
              <w:top w:val="nil"/>
              <w:left w:val="nil"/>
              <w:bottom w:val="nil"/>
              <w:right w:val="nil"/>
            </w:tcBorders>
            <w:shd w:val="clear" w:color="auto" w:fill="auto"/>
            <w:noWrap/>
            <w:vAlign w:val="bottom"/>
            <w:hideMark/>
          </w:tcPr>
          <w:p w14:paraId="11FF0097" w14:textId="77777777" w:rsidR="00E877E3" w:rsidRPr="00E877E3" w:rsidRDefault="00E877E3" w:rsidP="00E877E3">
            <w:pPr>
              <w:rPr>
                <w:rFonts w:eastAsia="Times New Roman" w:cstheme="minorHAnsi"/>
                <w:lang w:eastAsia="en-GB"/>
              </w:rPr>
            </w:pPr>
          </w:p>
        </w:tc>
      </w:tr>
      <w:tr w:rsidR="00E877E3" w:rsidRPr="00E877E3" w14:paraId="7D4925E1" w14:textId="77777777" w:rsidTr="00E877E3">
        <w:trPr>
          <w:trHeight w:val="260"/>
        </w:trPr>
        <w:tc>
          <w:tcPr>
            <w:tcW w:w="1021" w:type="dxa"/>
            <w:tcBorders>
              <w:top w:val="nil"/>
              <w:left w:val="nil"/>
              <w:bottom w:val="nil"/>
              <w:right w:val="nil"/>
            </w:tcBorders>
            <w:shd w:val="clear" w:color="auto" w:fill="auto"/>
            <w:noWrap/>
            <w:vAlign w:val="bottom"/>
            <w:hideMark/>
          </w:tcPr>
          <w:p w14:paraId="1C21F596" w14:textId="77777777" w:rsidR="00E877E3" w:rsidRPr="00E877E3" w:rsidRDefault="00E877E3" w:rsidP="00E877E3">
            <w:pPr>
              <w:rPr>
                <w:rFonts w:eastAsia="Times New Roman" w:cstheme="minorHAnsi"/>
                <w:lang w:eastAsia="en-GB"/>
              </w:rPr>
            </w:pPr>
            <w:r w:rsidRPr="00E877E3">
              <w:rPr>
                <w:rFonts w:eastAsia="Times New Roman" w:cstheme="minorHAnsi"/>
                <w:lang w:eastAsia="en-GB"/>
              </w:rPr>
              <w:t>fructose</w:t>
            </w:r>
          </w:p>
        </w:tc>
        <w:tc>
          <w:tcPr>
            <w:tcW w:w="1113" w:type="dxa"/>
            <w:tcBorders>
              <w:top w:val="nil"/>
              <w:left w:val="nil"/>
              <w:bottom w:val="nil"/>
              <w:right w:val="nil"/>
            </w:tcBorders>
            <w:shd w:val="clear" w:color="auto" w:fill="auto"/>
            <w:noWrap/>
            <w:vAlign w:val="bottom"/>
            <w:hideMark/>
          </w:tcPr>
          <w:p w14:paraId="5DD72C45"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0.38047</w:t>
            </w:r>
          </w:p>
        </w:tc>
        <w:tc>
          <w:tcPr>
            <w:tcW w:w="1129" w:type="dxa"/>
            <w:tcBorders>
              <w:top w:val="nil"/>
              <w:left w:val="nil"/>
              <w:bottom w:val="nil"/>
              <w:right w:val="nil"/>
            </w:tcBorders>
            <w:shd w:val="clear" w:color="auto" w:fill="auto"/>
            <w:noWrap/>
            <w:vAlign w:val="bottom"/>
            <w:hideMark/>
          </w:tcPr>
          <w:p w14:paraId="22CA366C"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0.373303</w:t>
            </w:r>
          </w:p>
        </w:tc>
        <w:tc>
          <w:tcPr>
            <w:tcW w:w="1129" w:type="dxa"/>
            <w:tcBorders>
              <w:top w:val="nil"/>
              <w:left w:val="nil"/>
              <w:bottom w:val="nil"/>
              <w:right w:val="nil"/>
            </w:tcBorders>
            <w:shd w:val="clear" w:color="auto" w:fill="auto"/>
            <w:noWrap/>
            <w:vAlign w:val="bottom"/>
            <w:hideMark/>
          </w:tcPr>
          <w:p w14:paraId="4296A187"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1</w:t>
            </w:r>
          </w:p>
        </w:tc>
        <w:tc>
          <w:tcPr>
            <w:tcW w:w="1060" w:type="dxa"/>
            <w:tcBorders>
              <w:top w:val="nil"/>
              <w:left w:val="nil"/>
              <w:bottom w:val="nil"/>
              <w:right w:val="nil"/>
            </w:tcBorders>
            <w:shd w:val="clear" w:color="auto" w:fill="auto"/>
            <w:noWrap/>
            <w:vAlign w:val="bottom"/>
            <w:hideMark/>
          </w:tcPr>
          <w:p w14:paraId="27BF9F25" w14:textId="77777777" w:rsidR="00E877E3" w:rsidRPr="00E877E3" w:rsidRDefault="00E877E3" w:rsidP="00E877E3">
            <w:pPr>
              <w:jc w:val="right"/>
              <w:rPr>
                <w:rFonts w:eastAsia="Times New Roman" w:cstheme="minorHAnsi"/>
                <w:lang w:eastAsia="en-GB"/>
              </w:rPr>
            </w:pPr>
          </w:p>
        </w:tc>
      </w:tr>
      <w:tr w:rsidR="00E877E3" w:rsidRPr="00E877E3" w14:paraId="54107146" w14:textId="77777777" w:rsidTr="00E877E3">
        <w:trPr>
          <w:trHeight w:val="280"/>
        </w:trPr>
        <w:tc>
          <w:tcPr>
            <w:tcW w:w="1021" w:type="dxa"/>
            <w:tcBorders>
              <w:top w:val="nil"/>
              <w:left w:val="nil"/>
              <w:bottom w:val="single" w:sz="8" w:space="0" w:color="auto"/>
              <w:right w:val="nil"/>
            </w:tcBorders>
            <w:shd w:val="clear" w:color="auto" w:fill="auto"/>
            <w:noWrap/>
            <w:vAlign w:val="bottom"/>
            <w:hideMark/>
          </w:tcPr>
          <w:p w14:paraId="7A3F27F7" w14:textId="77777777" w:rsidR="00E877E3" w:rsidRPr="00E877E3" w:rsidRDefault="00E877E3" w:rsidP="00E877E3">
            <w:pPr>
              <w:rPr>
                <w:rFonts w:eastAsia="Times New Roman" w:cstheme="minorHAnsi"/>
                <w:lang w:eastAsia="en-GB"/>
              </w:rPr>
            </w:pPr>
            <w:r w:rsidRPr="00E877E3">
              <w:rPr>
                <w:rFonts w:eastAsia="Times New Roman" w:cstheme="minorHAnsi"/>
                <w:lang w:eastAsia="en-GB"/>
              </w:rPr>
              <w:t>sorbitol</w:t>
            </w:r>
          </w:p>
        </w:tc>
        <w:tc>
          <w:tcPr>
            <w:tcW w:w="1113" w:type="dxa"/>
            <w:tcBorders>
              <w:top w:val="nil"/>
              <w:left w:val="nil"/>
              <w:bottom w:val="single" w:sz="8" w:space="0" w:color="auto"/>
              <w:right w:val="nil"/>
            </w:tcBorders>
            <w:shd w:val="clear" w:color="auto" w:fill="auto"/>
            <w:noWrap/>
            <w:vAlign w:val="bottom"/>
            <w:hideMark/>
          </w:tcPr>
          <w:p w14:paraId="63ED190D"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0.06675</w:t>
            </w:r>
          </w:p>
        </w:tc>
        <w:tc>
          <w:tcPr>
            <w:tcW w:w="1129" w:type="dxa"/>
            <w:tcBorders>
              <w:top w:val="nil"/>
              <w:left w:val="nil"/>
              <w:bottom w:val="single" w:sz="8" w:space="0" w:color="auto"/>
              <w:right w:val="nil"/>
            </w:tcBorders>
            <w:shd w:val="clear" w:color="auto" w:fill="auto"/>
            <w:noWrap/>
            <w:vAlign w:val="bottom"/>
            <w:hideMark/>
          </w:tcPr>
          <w:p w14:paraId="19E6FE56"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0.232694</w:t>
            </w:r>
          </w:p>
        </w:tc>
        <w:tc>
          <w:tcPr>
            <w:tcW w:w="1129" w:type="dxa"/>
            <w:tcBorders>
              <w:top w:val="nil"/>
              <w:left w:val="nil"/>
              <w:bottom w:val="single" w:sz="8" w:space="0" w:color="auto"/>
              <w:right w:val="nil"/>
            </w:tcBorders>
            <w:shd w:val="clear" w:color="auto" w:fill="auto"/>
            <w:noWrap/>
            <w:vAlign w:val="bottom"/>
            <w:hideMark/>
          </w:tcPr>
          <w:p w14:paraId="4DB7F153"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0.186765</w:t>
            </w:r>
          </w:p>
        </w:tc>
        <w:tc>
          <w:tcPr>
            <w:tcW w:w="1060" w:type="dxa"/>
            <w:tcBorders>
              <w:top w:val="nil"/>
              <w:left w:val="nil"/>
              <w:bottom w:val="single" w:sz="8" w:space="0" w:color="auto"/>
              <w:right w:val="nil"/>
            </w:tcBorders>
            <w:shd w:val="clear" w:color="auto" w:fill="auto"/>
            <w:noWrap/>
            <w:vAlign w:val="bottom"/>
            <w:hideMark/>
          </w:tcPr>
          <w:p w14:paraId="24B1CCF4" w14:textId="77777777" w:rsidR="00E877E3" w:rsidRPr="00E877E3" w:rsidRDefault="00E877E3" w:rsidP="00E877E3">
            <w:pPr>
              <w:jc w:val="right"/>
              <w:rPr>
                <w:rFonts w:eastAsia="Times New Roman" w:cstheme="minorHAnsi"/>
                <w:lang w:eastAsia="en-GB"/>
              </w:rPr>
            </w:pPr>
            <w:r w:rsidRPr="00E877E3">
              <w:rPr>
                <w:rFonts w:eastAsia="Times New Roman" w:cstheme="minorHAnsi"/>
                <w:lang w:eastAsia="en-GB"/>
              </w:rPr>
              <w:t>1</w:t>
            </w:r>
          </w:p>
        </w:tc>
      </w:tr>
    </w:tbl>
    <w:p w14:paraId="6E6B5B96" w14:textId="77777777" w:rsidR="00E877E3" w:rsidRDefault="00E877E3" w:rsidP="00425FE8"/>
    <w:p w14:paraId="20AAAE8C" w14:textId="108A1394" w:rsidR="00E877E3" w:rsidRDefault="00425FE8" w:rsidP="00425FE8">
      <w:pPr>
        <w:pStyle w:val="ListParagraph"/>
        <w:numPr>
          <w:ilvl w:val="0"/>
          <w:numId w:val="3"/>
        </w:numPr>
      </w:pPr>
      <w:r w:rsidRPr="00425FE8">
        <w:t>Do any of the columns appear to be highly correlated?</w:t>
      </w:r>
      <w:r>
        <w:t xml:space="preserve"> </w:t>
      </w:r>
    </w:p>
    <w:p w14:paraId="3B345F10" w14:textId="5CF2B983" w:rsidR="00E877E3" w:rsidRDefault="00E877E3" w:rsidP="00425FE8">
      <w:r>
        <w:t xml:space="preserve">Only sucrose and glucose have a somewhat strong albeit negative correlation at -0.77. All other sugars do not show any significant relationship. </w:t>
      </w:r>
    </w:p>
    <w:p w14:paraId="32E2C0C7" w14:textId="66C3CD80" w:rsidR="00E877E3" w:rsidRPr="00425FE8" w:rsidRDefault="00E877E3" w:rsidP="00425FE8"/>
    <w:p w14:paraId="6872DF47" w14:textId="19ECA067" w:rsidR="00E877E3" w:rsidRPr="00425FE8" w:rsidRDefault="00425FE8" w:rsidP="00425FE8">
      <w:r w:rsidRPr="00425FE8">
        <w:rPr>
          <w:b/>
          <w:bCs/>
        </w:rPr>
        <w:t>PCA analysis</w:t>
      </w:r>
      <w:r w:rsidRPr="00425FE8">
        <w:t xml:space="preserve"> </w:t>
      </w:r>
      <w:r w:rsidR="00E877E3">
        <w:t>(Minitab)</w:t>
      </w:r>
    </w:p>
    <w:p w14:paraId="3AEFFC1A" w14:textId="4519DD16" w:rsidR="00425FE8" w:rsidRDefault="006843C1" w:rsidP="00E877E3">
      <w:pPr>
        <w:pStyle w:val="ListParagraph"/>
        <w:numPr>
          <w:ilvl w:val="0"/>
          <w:numId w:val="3"/>
        </w:numPr>
      </w:pPr>
      <w:r>
        <w:t>W</w:t>
      </w:r>
      <w:r w:rsidR="00425FE8" w:rsidRPr="00425FE8">
        <w:t>hat is the appropriate pre-treatment?</w:t>
      </w:r>
    </w:p>
    <w:p w14:paraId="16FD3E12" w14:textId="43BA8583" w:rsidR="00E877E3" w:rsidRDefault="006843C1" w:rsidP="00E877E3">
      <w:r>
        <w:t xml:space="preserve">The appropriate pre-treatment is the mean-centre because the data variables are parameters are standardized and measure the concentration of different sugars within apple juice in g/L. We don’t need to standardize it because it’s not on different scales. </w:t>
      </w:r>
    </w:p>
    <w:p w14:paraId="12FA87B7" w14:textId="77777777" w:rsidR="00E877E3" w:rsidRPr="00425FE8" w:rsidRDefault="00E877E3" w:rsidP="00E877E3"/>
    <w:p w14:paraId="0DA25F11" w14:textId="651E52A5" w:rsidR="006B5E5F" w:rsidRDefault="006843C1" w:rsidP="006B5E5F">
      <w:pPr>
        <w:pStyle w:val="ListParagraph"/>
        <w:numPr>
          <w:ilvl w:val="0"/>
          <w:numId w:val="3"/>
        </w:numPr>
      </w:pPr>
      <w:r>
        <w:t>H</w:t>
      </w:r>
      <w:r w:rsidR="00425FE8" w:rsidRPr="00425FE8">
        <w:t>ow many latent variables appear sufficient to describe most of the variability in the data? How much is explained by the first 2 principal components?</w:t>
      </w:r>
    </w:p>
    <w:p w14:paraId="57557F33" w14:textId="225974AE" w:rsidR="00A73012" w:rsidRDefault="00A73012" w:rsidP="00C95690">
      <w:pPr>
        <w:jc w:val="center"/>
      </w:pPr>
      <w:r w:rsidRPr="00A73012">
        <w:rPr>
          <w:noProof/>
        </w:rPr>
        <w:drawing>
          <wp:inline distT="0" distB="0" distL="0" distR="0" wp14:anchorId="5CDE09A1" wp14:editId="75D364A9">
            <wp:extent cx="2565400" cy="793346"/>
            <wp:effectExtent l="0" t="0" r="6350" b="698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2573389" cy="795817"/>
                    </a:xfrm>
                    <a:prstGeom prst="rect">
                      <a:avLst/>
                    </a:prstGeom>
                  </pic:spPr>
                </pic:pic>
              </a:graphicData>
            </a:graphic>
          </wp:inline>
        </w:drawing>
      </w:r>
    </w:p>
    <w:p w14:paraId="3FB2F93D" w14:textId="1E8893DA" w:rsidR="006B5E5F" w:rsidRDefault="00C95690" w:rsidP="006B5E5F">
      <w:r>
        <w:t xml:space="preserve">53% explains the total variability of the data. The second principal component has 0.24 and accounts for 77% of the variance in the data. Most of the data is explained by the first two components. </w:t>
      </w:r>
    </w:p>
    <w:p w14:paraId="532D23EF" w14:textId="05C86C3B" w:rsidR="00827524" w:rsidRDefault="00827524" w:rsidP="006B5E5F"/>
    <w:p w14:paraId="74ECD631" w14:textId="1851B3B4" w:rsidR="00827524" w:rsidRDefault="00827524" w:rsidP="00C95690">
      <w:pPr>
        <w:jc w:val="center"/>
      </w:pPr>
      <w:r w:rsidRPr="00827524">
        <w:rPr>
          <w:noProof/>
        </w:rPr>
        <w:drawing>
          <wp:inline distT="0" distB="0" distL="0" distR="0" wp14:anchorId="12172809" wp14:editId="7BD77C5F">
            <wp:extent cx="3044825" cy="2029883"/>
            <wp:effectExtent l="0" t="0" r="3175" b="889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053590" cy="2035726"/>
                    </a:xfrm>
                    <a:prstGeom prst="rect">
                      <a:avLst/>
                    </a:prstGeom>
                    <a:noFill/>
                    <a:ln>
                      <a:noFill/>
                    </a:ln>
                  </pic:spPr>
                </pic:pic>
              </a:graphicData>
            </a:graphic>
          </wp:inline>
        </w:drawing>
      </w:r>
    </w:p>
    <w:p w14:paraId="1BDD5501" w14:textId="3D38E9AD" w:rsidR="00B342B8" w:rsidRDefault="00C95690" w:rsidP="006843C1">
      <w:r>
        <w:t xml:space="preserve">The scree plot shows that the most significant contributions are the first and second principal components that fall dramatically then steadily with component 3 and 4. </w:t>
      </w:r>
    </w:p>
    <w:p w14:paraId="319D7F13" w14:textId="77777777" w:rsidR="00C95690" w:rsidRPr="00425FE8" w:rsidRDefault="00C95690" w:rsidP="006843C1"/>
    <w:p w14:paraId="6DD01E8D" w14:textId="07854BE9" w:rsidR="00425FE8" w:rsidRDefault="00827524" w:rsidP="00E877E3">
      <w:pPr>
        <w:pStyle w:val="ListParagraph"/>
        <w:numPr>
          <w:ilvl w:val="0"/>
          <w:numId w:val="3"/>
        </w:numPr>
      </w:pPr>
      <w:r>
        <w:lastRenderedPageBreak/>
        <w:t>P</w:t>
      </w:r>
      <w:r w:rsidR="00425FE8" w:rsidRPr="00425FE8">
        <w:t>roduce a score plot of the first 2 principal components. Is there any apparent grouping? Does it appear to coincide with the fresh and stored groups? If there is separation along either axis look at the loadings and comment on which ones most affect this separation</w:t>
      </w:r>
    </w:p>
    <w:p w14:paraId="1FBDE0DE" w14:textId="79F3BEAE" w:rsidR="00827524" w:rsidRDefault="00827524" w:rsidP="00827524"/>
    <w:p w14:paraId="16E70E7A" w14:textId="19E4B13C" w:rsidR="00827524" w:rsidRDefault="006D1D84" w:rsidP="00C95690">
      <w:pPr>
        <w:jc w:val="center"/>
      </w:pPr>
      <w:r w:rsidRPr="006D1D84">
        <w:rPr>
          <w:noProof/>
        </w:rPr>
        <w:drawing>
          <wp:inline distT="0" distB="0" distL="0" distR="0" wp14:anchorId="4AB5607C" wp14:editId="0D09830F">
            <wp:extent cx="3742267" cy="2494844"/>
            <wp:effectExtent l="0" t="0" r="0" b="127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762331" cy="2508220"/>
                    </a:xfrm>
                    <a:prstGeom prst="rect">
                      <a:avLst/>
                    </a:prstGeom>
                    <a:noFill/>
                    <a:ln>
                      <a:noFill/>
                    </a:ln>
                  </pic:spPr>
                </pic:pic>
              </a:graphicData>
            </a:graphic>
          </wp:inline>
        </w:drawing>
      </w:r>
    </w:p>
    <w:p w14:paraId="3B4FA82E" w14:textId="0A51375E" w:rsidR="00827524" w:rsidRDefault="00827524" w:rsidP="00827524"/>
    <w:p w14:paraId="68C5D28F" w14:textId="7A0C6620" w:rsidR="006D1D84" w:rsidRDefault="006D1D84" w:rsidP="00827524">
      <w:r>
        <w:t xml:space="preserve">There are clear groupings where A is on the left side separated from both B and C which are on the right. It has been effective at separating A from B and C. However, majority of B are on the top right quadrant </w:t>
      </w:r>
      <w:r w:rsidR="00C95690">
        <w:t>whereas</w:t>
      </w:r>
      <w:r>
        <w:t xml:space="preserve"> C is on the bottom right quadrant with a single outlier from each group. </w:t>
      </w:r>
    </w:p>
    <w:p w14:paraId="22E74121" w14:textId="77777777" w:rsidR="006D1D84" w:rsidRPr="00425FE8" w:rsidRDefault="006D1D84" w:rsidP="00827524"/>
    <w:p w14:paraId="1993ECA9" w14:textId="58C532FC" w:rsidR="006D1D84" w:rsidRDefault="006D1D84" w:rsidP="006D1D84">
      <w:pPr>
        <w:pStyle w:val="ListParagraph"/>
        <w:numPr>
          <w:ilvl w:val="0"/>
          <w:numId w:val="3"/>
        </w:numPr>
      </w:pPr>
      <w:r>
        <w:t>D</w:t>
      </w:r>
      <w:r w:rsidR="00425FE8" w:rsidRPr="00425FE8">
        <w:t>o a loadings plot of the first 2 variables. Do any variables appear to be associated?</w:t>
      </w:r>
    </w:p>
    <w:p w14:paraId="693818AE" w14:textId="4AA95FE4" w:rsidR="006D1D84" w:rsidRDefault="006D1D84" w:rsidP="00C95690">
      <w:pPr>
        <w:jc w:val="center"/>
      </w:pPr>
      <w:r w:rsidRPr="006D1D84">
        <w:rPr>
          <w:noProof/>
        </w:rPr>
        <w:drawing>
          <wp:inline distT="0" distB="0" distL="0" distR="0" wp14:anchorId="12E18977" wp14:editId="1DD6D7AA">
            <wp:extent cx="3492500" cy="2328333"/>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3502414" cy="2334942"/>
                    </a:xfrm>
                    <a:prstGeom prst="rect">
                      <a:avLst/>
                    </a:prstGeom>
                    <a:noFill/>
                    <a:ln>
                      <a:noFill/>
                    </a:ln>
                  </pic:spPr>
                </pic:pic>
              </a:graphicData>
            </a:graphic>
          </wp:inline>
        </w:drawing>
      </w:r>
    </w:p>
    <w:p w14:paraId="5ED09C6C" w14:textId="6E11E783" w:rsidR="006D1D84" w:rsidRDefault="006D1D84" w:rsidP="006D1D84"/>
    <w:p w14:paraId="472354F1" w14:textId="2178BA38" w:rsidR="00234D66" w:rsidRDefault="00C95690" w:rsidP="007E071C">
      <w:r>
        <w:t xml:space="preserve">The loading plot visually shows the results for the first two components. </w:t>
      </w:r>
      <w:r w:rsidR="00234D66">
        <w:t>Sucrose</w:t>
      </w:r>
      <w:r>
        <w:t xml:space="preserve"> has a negative loading on the second and first component. </w:t>
      </w:r>
      <w:r w:rsidR="00234D66">
        <w:t xml:space="preserve">Sorbitol has a positive loading for the first component. It is fructose and glucose that appear to be associated together as they lean with a positive loading for the first component. Majority of the variables have a negative loading on the second component. </w:t>
      </w:r>
    </w:p>
    <w:p w14:paraId="2F8CBB5B" w14:textId="77777777" w:rsidR="00234D66" w:rsidRDefault="00234D66" w:rsidP="007E071C"/>
    <w:p w14:paraId="0CBCA78F" w14:textId="3EABDD92" w:rsidR="007E071C" w:rsidRPr="007E071C" w:rsidRDefault="007E071C" w:rsidP="007E071C">
      <w:pPr>
        <w:rPr>
          <w:b/>
          <w:bCs/>
        </w:rPr>
      </w:pPr>
      <w:r w:rsidRPr="007E071C">
        <w:rPr>
          <w:b/>
          <w:bCs/>
        </w:rPr>
        <w:t>PCA and Unknowns</w:t>
      </w:r>
    </w:p>
    <w:p w14:paraId="5F49651A" w14:textId="2123EA12" w:rsidR="007E071C" w:rsidRDefault="007E071C" w:rsidP="00C95690">
      <w:pPr>
        <w:jc w:val="center"/>
      </w:pPr>
      <w:r w:rsidRPr="007E071C">
        <w:rPr>
          <w:noProof/>
        </w:rPr>
        <w:lastRenderedPageBreak/>
        <w:drawing>
          <wp:inline distT="0" distB="0" distL="0" distR="0" wp14:anchorId="5B0DD694" wp14:editId="064AA369">
            <wp:extent cx="3987800" cy="2658533"/>
            <wp:effectExtent l="0" t="0" r="0" b="889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993565" cy="2662377"/>
                    </a:xfrm>
                    <a:prstGeom prst="rect">
                      <a:avLst/>
                    </a:prstGeom>
                    <a:noFill/>
                    <a:ln>
                      <a:noFill/>
                    </a:ln>
                  </pic:spPr>
                </pic:pic>
              </a:graphicData>
            </a:graphic>
          </wp:inline>
        </w:drawing>
      </w:r>
    </w:p>
    <w:p w14:paraId="6C41BBB4" w14:textId="77777777" w:rsidR="007E071C" w:rsidRPr="00425FE8" w:rsidRDefault="007E071C" w:rsidP="007E071C"/>
    <w:p w14:paraId="0D4384A9" w14:textId="0B0F1267" w:rsidR="00425FE8" w:rsidRPr="007923DD" w:rsidRDefault="007923DD" w:rsidP="007E071C">
      <w:pPr>
        <w:pStyle w:val="ListParagraph"/>
        <w:numPr>
          <w:ilvl w:val="0"/>
          <w:numId w:val="3"/>
        </w:numPr>
        <w:rPr>
          <w:color w:val="000000" w:themeColor="text1"/>
        </w:rPr>
      </w:pPr>
      <w:r>
        <w:rPr>
          <w:color w:val="000000" w:themeColor="text1"/>
        </w:rPr>
        <w:t>C</w:t>
      </w:r>
      <w:r w:rsidR="00425FE8" w:rsidRPr="007923DD">
        <w:rPr>
          <w:color w:val="000000" w:themeColor="text1"/>
        </w:rPr>
        <w:t xml:space="preserve">omment overall on the </w:t>
      </w:r>
      <w:r w:rsidR="006F5957" w:rsidRPr="007923DD">
        <w:rPr>
          <w:color w:val="000000" w:themeColor="text1"/>
        </w:rPr>
        <w:t>usefulness</w:t>
      </w:r>
      <w:r w:rsidR="00425FE8" w:rsidRPr="007923DD">
        <w:rPr>
          <w:color w:val="000000" w:themeColor="text1"/>
        </w:rPr>
        <w:t xml:space="preserve"> of PCA with this data set</w:t>
      </w:r>
    </w:p>
    <w:p w14:paraId="550951C0" w14:textId="62BF4326" w:rsidR="00C95690" w:rsidRPr="00234D66" w:rsidRDefault="00234D66" w:rsidP="00C95690">
      <w:pPr>
        <w:rPr>
          <w:color w:val="000000" w:themeColor="text1"/>
        </w:rPr>
      </w:pPr>
      <w:r>
        <w:rPr>
          <w:color w:val="000000" w:themeColor="text1"/>
        </w:rPr>
        <w:t xml:space="preserve">PCA was extremely useful with the sugars in apple juice data set. Variety A is separated from variety B and C as it is on the other side of the origin plot. </w:t>
      </w:r>
      <w:r w:rsidR="00C95068">
        <w:rPr>
          <w:color w:val="000000" w:themeColor="text1"/>
        </w:rPr>
        <w:t xml:space="preserve">It shows that variety A is negatively correlated and the variables in A have more impact from both the second and first components as they are spread further away from the origin. Variety B are clustered together in the upper right quadrant closest to the origin line and has one variety C outlier grouped together. Variety C are grouped together in the lower right quadrant and has a single outlier from variety B. All the unknowns were successfully allocated with their respective varieties; as X belongs with variety A, Y belongs with variety C and Z belongs with variety B. </w:t>
      </w:r>
    </w:p>
    <w:p w14:paraId="41189BD9" w14:textId="77777777" w:rsidR="007E071C" w:rsidRPr="00425FE8" w:rsidRDefault="007E071C" w:rsidP="007E071C"/>
    <w:p w14:paraId="7244F027" w14:textId="50F7CFB4" w:rsidR="00425FE8" w:rsidRDefault="00425FE8" w:rsidP="007E071C">
      <w:pPr>
        <w:rPr>
          <w:b/>
          <w:bCs/>
        </w:rPr>
      </w:pPr>
      <w:r w:rsidRPr="007E071C">
        <w:rPr>
          <w:b/>
          <w:bCs/>
        </w:rPr>
        <w:t xml:space="preserve">LDA Analysis </w:t>
      </w:r>
    </w:p>
    <w:p w14:paraId="4DE81045" w14:textId="10EAB64A" w:rsidR="007E071C" w:rsidRDefault="00145F77" w:rsidP="007923DD">
      <w:pPr>
        <w:tabs>
          <w:tab w:val="left" w:pos="1330"/>
        </w:tabs>
        <w:jc w:val="center"/>
        <w:rPr>
          <w:b/>
          <w:bCs/>
        </w:rPr>
      </w:pPr>
      <w:r w:rsidRPr="00145F77">
        <w:rPr>
          <w:b/>
          <w:bCs/>
          <w:noProof/>
        </w:rPr>
        <w:drawing>
          <wp:inline distT="0" distB="0" distL="0" distR="0" wp14:anchorId="15A8B939" wp14:editId="5542C0D4">
            <wp:extent cx="1866900" cy="76217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1870666" cy="763712"/>
                    </a:xfrm>
                    <a:prstGeom prst="rect">
                      <a:avLst/>
                    </a:prstGeom>
                  </pic:spPr>
                </pic:pic>
              </a:graphicData>
            </a:graphic>
          </wp:inline>
        </w:drawing>
      </w:r>
    </w:p>
    <w:p w14:paraId="537B6D8C" w14:textId="027A5F17" w:rsidR="007E071C" w:rsidRPr="00425FE8" w:rsidRDefault="006F5957" w:rsidP="007923DD">
      <w:pPr>
        <w:jc w:val="center"/>
      </w:pPr>
      <w:r w:rsidRPr="006F5957">
        <w:rPr>
          <w:noProof/>
        </w:rPr>
        <w:drawing>
          <wp:inline distT="0" distB="0" distL="0" distR="0" wp14:anchorId="2B9EB45F" wp14:editId="50CF0601">
            <wp:extent cx="1909233" cy="1446173"/>
            <wp:effectExtent l="0" t="0" r="0" b="190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1914165" cy="1449909"/>
                    </a:xfrm>
                    <a:prstGeom prst="rect">
                      <a:avLst/>
                    </a:prstGeom>
                  </pic:spPr>
                </pic:pic>
              </a:graphicData>
            </a:graphic>
          </wp:inline>
        </w:drawing>
      </w:r>
    </w:p>
    <w:p w14:paraId="694002AC" w14:textId="31262ECE" w:rsidR="00425FE8" w:rsidRDefault="00145F77" w:rsidP="00145F77">
      <w:pPr>
        <w:pStyle w:val="ListParagraph"/>
        <w:numPr>
          <w:ilvl w:val="0"/>
          <w:numId w:val="3"/>
        </w:numPr>
      </w:pPr>
      <w:r>
        <w:t>F</w:t>
      </w:r>
      <w:r w:rsidR="00425FE8" w:rsidRPr="00425FE8">
        <w:t>rom the misclassification plot how successful is LDA in assigning groups?</w:t>
      </w:r>
    </w:p>
    <w:p w14:paraId="20DE5188" w14:textId="5F694662" w:rsidR="007923DD" w:rsidRDefault="007923DD" w:rsidP="007923DD">
      <w:r>
        <w:t xml:space="preserve">LDA was perfect because all 15 datapoints were correctly assigned at 100%. </w:t>
      </w:r>
    </w:p>
    <w:p w14:paraId="64BE14F6" w14:textId="77777777" w:rsidR="00316E52" w:rsidRDefault="00316E52" w:rsidP="007923DD"/>
    <w:p w14:paraId="013C9DFD" w14:textId="07CF1DE6" w:rsidR="00157894" w:rsidRPr="00316E52" w:rsidRDefault="00157894" w:rsidP="00157894">
      <w:pPr>
        <w:pStyle w:val="ListParagraph"/>
        <w:numPr>
          <w:ilvl w:val="0"/>
          <w:numId w:val="3"/>
        </w:numPr>
        <w:rPr>
          <w:color w:val="000000" w:themeColor="text1"/>
        </w:rPr>
      </w:pPr>
      <w:r w:rsidRPr="00316E52">
        <w:rPr>
          <w:color w:val="000000" w:themeColor="text1"/>
        </w:rPr>
        <w:t>Do any the variables appear to be better at discriminating groups (examine the centroids plot)</w:t>
      </w:r>
    </w:p>
    <w:p w14:paraId="6C962E1C" w14:textId="757DB3CA" w:rsidR="00157894" w:rsidRDefault="00157894" w:rsidP="007923DD">
      <w:r>
        <w:rPr>
          <w:noProof/>
        </w:rPr>
        <w:lastRenderedPageBreak/>
        <w:drawing>
          <wp:inline distT="0" distB="0" distL="0" distR="0" wp14:anchorId="72673488" wp14:editId="7C5731D3">
            <wp:extent cx="4219575" cy="2898775"/>
            <wp:effectExtent l="0" t="0" r="9525" b="15875"/>
            <wp:docPr id="10" name="Chart 10">
              <a:extLst xmlns:a="http://schemas.openxmlformats.org/drawingml/2006/main">
                <a:ext uri="{FF2B5EF4-FFF2-40B4-BE49-F238E27FC236}">
                  <a16:creationId xmlns:a16="http://schemas.microsoft.com/office/drawing/2014/main" id="{BB4F8DF5-0CAC-4411-9436-8C7F3E0F701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14:paraId="6CD204AC" w14:textId="39470771" w:rsidR="007E071C" w:rsidRDefault="007E071C" w:rsidP="007E071C"/>
    <w:p w14:paraId="419FDCED" w14:textId="2CEB455E" w:rsidR="00316E52" w:rsidRDefault="00316E52" w:rsidP="007E071C">
      <w:r>
        <w:t>According to the centroids plot, sorbitol and fructose appear to be highly correlated and grouped together. Sucrose and glucose are similar and found together. The wide gap indicates that there are two distinct similar groups for the 4 sugars.</w:t>
      </w:r>
    </w:p>
    <w:p w14:paraId="4A3E5BAC" w14:textId="77777777" w:rsidR="00316E52" w:rsidRPr="00425FE8" w:rsidRDefault="00316E52" w:rsidP="007E071C"/>
    <w:p w14:paraId="5DF485FA" w14:textId="315C5B29" w:rsidR="007923DD" w:rsidRDefault="00145F77" w:rsidP="007923DD">
      <w:pPr>
        <w:pStyle w:val="ListParagraph"/>
        <w:numPr>
          <w:ilvl w:val="0"/>
          <w:numId w:val="3"/>
        </w:numPr>
      </w:pPr>
      <w:r>
        <w:t>Us</w:t>
      </w:r>
      <w:r w:rsidR="00425FE8" w:rsidRPr="00425FE8">
        <w:t>e LDA to predict the groups for the unknowns</w:t>
      </w:r>
    </w:p>
    <w:p w14:paraId="0AA2F946" w14:textId="04DB09B7" w:rsidR="00145F77" w:rsidRDefault="006F5957" w:rsidP="007923DD">
      <w:pPr>
        <w:jc w:val="center"/>
      </w:pPr>
      <w:r w:rsidRPr="006F5957">
        <w:rPr>
          <w:noProof/>
        </w:rPr>
        <w:drawing>
          <wp:inline distT="0" distB="0" distL="0" distR="0" wp14:anchorId="70005A7D" wp14:editId="7A560F90">
            <wp:extent cx="1731672" cy="706967"/>
            <wp:effectExtent l="0" t="0" r="190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1739630" cy="710216"/>
                    </a:xfrm>
                    <a:prstGeom prst="rect">
                      <a:avLst/>
                    </a:prstGeom>
                  </pic:spPr>
                </pic:pic>
              </a:graphicData>
            </a:graphic>
          </wp:inline>
        </w:drawing>
      </w:r>
    </w:p>
    <w:p w14:paraId="4D19B937" w14:textId="1FB2BFA3" w:rsidR="007923DD" w:rsidRDefault="007923DD" w:rsidP="007923DD">
      <w:pPr>
        <w:jc w:val="center"/>
      </w:pPr>
      <w:r w:rsidRPr="006F5957">
        <w:rPr>
          <w:noProof/>
        </w:rPr>
        <w:drawing>
          <wp:inline distT="0" distB="0" distL="0" distR="0" wp14:anchorId="276EA1E3" wp14:editId="5A455ADA">
            <wp:extent cx="2065867" cy="1465247"/>
            <wp:effectExtent l="0" t="0" r="0" b="190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88687" cy="1481432"/>
                    </a:xfrm>
                    <a:prstGeom prst="rect">
                      <a:avLst/>
                    </a:prstGeom>
                  </pic:spPr>
                </pic:pic>
              </a:graphicData>
            </a:graphic>
          </wp:inline>
        </w:drawing>
      </w:r>
    </w:p>
    <w:p w14:paraId="621054FF" w14:textId="685A6B96" w:rsidR="006F5957" w:rsidRDefault="009B19AC" w:rsidP="007923DD">
      <w:r>
        <w:t>The LDA was somewhat successful at assigning correct groups overall as 16 out of 18 were assigned correctly at 89%. It is assigning the unknowns that has 2 out of 3 were c</w:t>
      </w:r>
      <w:r w:rsidR="009D5FC5">
        <w:t xml:space="preserve">orrect but a low 67% was assigned correctly. </w:t>
      </w:r>
    </w:p>
    <w:p w14:paraId="7EEDFA29" w14:textId="77777777" w:rsidR="00145F77" w:rsidRPr="00425FE8" w:rsidRDefault="00145F77" w:rsidP="00145F77">
      <w:pPr>
        <w:pStyle w:val="ListParagraph"/>
      </w:pPr>
    </w:p>
    <w:p w14:paraId="2AFDC93F" w14:textId="05538DFB" w:rsidR="00A73012" w:rsidRDefault="00425FE8" w:rsidP="00405A3E">
      <w:pPr>
        <w:pStyle w:val="ListParagraph"/>
        <w:numPr>
          <w:ilvl w:val="0"/>
          <w:numId w:val="3"/>
        </w:numPr>
      </w:pPr>
      <w:r w:rsidRPr="00425FE8">
        <w:t>Compare PCA and LDA for predicting group membership</w:t>
      </w:r>
    </w:p>
    <w:p w14:paraId="4D3D4B26" w14:textId="4378C0E7" w:rsidR="00602F98" w:rsidRDefault="00602F98"/>
    <w:p w14:paraId="42F34760" w14:textId="3DE1B053" w:rsidR="00F702AB" w:rsidRDefault="00602F98">
      <w:r>
        <w:t xml:space="preserve">PCA produced a score plot which visually showed how unknown sources can be grouped with the three apple juices varieties. It made predictions based on correlations and maximized separation based on variance. PCA is an unsupervised data reduction method. </w:t>
      </w:r>
      <w:r w:rsidR="009A3345">
        <w:t xml:space="preserve">Whereas </w:t>
      </w:r>
      <w:r w:rsidR="00F702AB">
        <w:t xml:space="preserve">LDA </w:t>
      </w:r>
      <w:r w:rsidR="009A3345">
        <w:t xml:space="preserve">is </w:t>
      </w:r>
      <w:r w:rsidR="00F702AB">
        <w:t xml:space="preserve">based on mean vectors and </w:t>
      </w:r>
      <w:r w:rsidR="00405A3E">
        <w:t>assumes</w:t>
      </w:r>
      <w:r w:rsidR="00F702AB">
        <w:t xml:space="preserve"> that the data is normally distributed. It was useful at providing a number quantification of predicting group </w:t>
      </w:r>
      <w:r w:rsidR="00405A3E">
        <w:t>membership,</w:t>
      </w:r>
      <w:r w:rsidR="00F702AB">
        <w:t xml:space="preserve"> bu</w:t>
      </w:r>
      <w:r w:rsidR="00405A3E">
        <w:t>t it does not provide visual data</w:t>
      </w:r>
      <w:r w:rsidR="009A3345">
        <w:t xml:space="preserve">. </w:t>
      </w:r>
      <w:r w:rsidR="00405A3E">
        <w:t xml:space="preserve"> </w:t>
      </w:r>
    </w:p>
    <w:p w14:paraId="22491B57" w14:textId="27EF4D37" w:rsidR="00405A3E" w:rsidRDefault="00405A3E">
      <w:r>
        <w:br w:type="page"/>
      </w:r>
    </w:p>
    <w:p w14:paraId="759C6943" w14:textId="0E7334C5" w:rsidR="00CE1F2E" w:rsidRDefault="00A22A3B" w:rsidP="00CE1F2E">
      <w:pPr>
        <w:rPr>
          <w:b/>
          <w:bCs/>
        </w:rPr>
      </w:pPr>
      <w:r>
        <w:rPr>
          <w:b/>
          <w:bCs/>
        </w:rPr>
        <w:lastRenderedPageBreak/>
        <w:t>Part 2</w:t>
      </w:r>
    </w:p>
    <w:p w14:paraId="7C10615D" w14:textId="0C7F1EC3" w:rsidR="00425FE8" w:rsidRDefault="00425FE8" w:rsidP="00CE1F2E">
      <w:pPr>
        <w:rPr>
          <w:b/>
          <w:bCs/>
        </w:rPr>
      </w:pPr>
    </w:p>
    <w:p w14:paraId="0D23FC01" w14:textId="38877A25" w:rsidR="00A913F7" w:rsidRPr="00CE1F2E" w:rsidRDefault="00C06775" w:rsidP="00CE1F2E">
      <w:pPr>
        <w:rPr>
          <w:b/>
          <w:bCs/>
        </w:rPr>
      </w:pPr>
      <w:r w:rsidRPr="00C06775">
        <w:rPr>
          <w:b/>
          <w:bCs/>
        </w:rPr>
        <w:t>Hierarchical</w:t>
      </w:r>
      <w:r w:rsidR="00CE1F2E" w:rsidRPr="00CE1F2E">
        <w:rPr>
          <w:b/>
          <w:bCs/>
        </w:rPr>
        <w:t xml:space="preserve"> Analysis</w:t>
      </w:r>
    </w:p>
    <w:p w14:paraId="1C27DE3F" w14:textId="2E2DDCE7" w:rsidR="00CE1F2E" w:rsidRDefault="00CE1F2E" w:rsidP="006F47E7">
      <w:pPr>
        <w:pStyle w:val="ListParagraph"/>
        <w:numPr>
          <w:ilvl w:val="0"/>
          <w:numId w:val="6"/>
        </w:numPr>
      </w:pPr>
      <w:r w:rsidRPr="00CE1F2E">
        <w:t>Create a dendrogram for the above data set, using Minitab and all 5 variables. Do you see any groupings and do they agree with the groupings above.</w:t>
      </w:r>
    </w:p>
    <w:p w14:paraId="2EAC87FE" w14:textId="6DB9E352" w:rsidR="00C06775" w:rsidRDefault="00E36F33" w:rsidP="00405A3E">
      <w:pPr>
        <w:jc w:val="center"/>
      </w:pPr>
      <w:r w:rsidRPr="00E36F33">
        <w:rPr>
          <w:noProof/>
        </w:rPr>
        <w:drawing>
          <wp:inline distT="0" distB="0" distL="0" distR="0" wp14:anchorId="77111E87" wp14:editId="0F20CA39">
            <wp:extent cx="4578350" cy="3052233"/>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581430" cy="3054286"/>
                    </a:xfrm>
                    <a:prstGeom prst="rect">
                      <a:avLst/>
                    </a:prstGeom>
                    <a:noFill/>
                    <a:ln>
                      <a:noFill/>
                    </a:ln>
                  </pic:spPr>
                </pic:pic>
              </a:graphicData>
            </a:graphic>
          </wp:inline>
        </w:drawing>
      </w:r>
    </w:p>
    <w:p w14:paraId="2594DC2F" w14:textId="77777777" w:rsidR="00CB6FB3" w:rsidRDefault="00CB6FB3" w:rsidP="006F47E7">
      <w:pPr>
        <w:rPr>
          <w:color w:val="FF0000"/>
        </w:rPr>
      </w:pPr>
    </w:p>
    <w:p w14:paraId="7E42FE38" w14:textId="5232C98E" w:rsidR="00B4611F" w:rsidRPr="00CB6FB3" w:rsidRDefault="00B4611F" w:rsidP="006F47E7">
      <w:pPr>
        <w:rPr>
          <w:color w:val="000000" w:themeColor="text1"/>
        </w:rPr>
      </w:pPr>
      <w:r w:rsidRPr="00CB6FB3">
        <w:rPr>
          <w:color w:val="000000" w:themeColor="text1"/>
        </w:rPr>
        <w:t>There are two obvious groupings. Sample 1, 3, 7, 6, 4 &amp; 8 appear to be highly correlated</w:t>
      </w:r>
      <w:r w:rsidR="00CB6FB3" w:rsidRPr="00CB6FB3">
        <w:rPr>
          <w:color w:val="000000" w:themeColor="text1"/>
        </w:rPr>
        <w:t xml:space="preserve"> whereas sample 2, 12, 16, 9, 10, 13, 11, 5, 14 &amp; 15 are grouped together. </w:t>
      </w:r>
    </w:p>
    <w:p w14:paraId="4805DB5F" w14:textId="77777777" w:rsidR="00C06775" w:rsidRPr="00CE1F2E" w:rsidRDefault="00C06775" w:rsidP="00CE1F2E"/>
    <w:p w14:paraId="71BC818B" w14:textId="5AED1A30" w:rsidR="00C06775" w:rsidRDefault="00CE1F2E" w:rsidP="006F47E7">
      <w:pPr>
        <w:pStyle w:val="ListParagraph"/>
        <w:numPr>
          <w:ilvl w:val="0"/>
          <w:numId w:val="6"/>
        </w:numPr>
      </w:pPr>
      <w:r w:rsidRPr="00CE1F2E">
        <w:t>Repeat with just the 2 columns assigned to you. Do you get the same groupings?</w:t>
      </w:r>
    </w:p>
    <w:p w14:paraId="2A9AC7CD" w14:textId="498C08D0" w:rsidR="00C06775" w:rsidRDefault="00A913F7" w:rsidP="006F47E7">
      <w:pPr>
        <w:jc w:val="center"/>
      </w:pPr>
      <w:r w:rsidRPr="00A913F7">
        <w:rPr>
          <w:noProof/>
        </w:rPr>
        <w:drawing>
          <wp:inline distT="0" distB="0" distL="0" distR="0" wp14:anchorId="2CB64317" wp14:editId="0FCDADB4">
            <wp:extent cx="3321934" cy="2214623"/>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348711" cy="2232474"/>
                    </a:xfrm>
                    <a:prstGeom prst="rect">
                      <a:avLst/>
                    </a:prstGeom>
                    <a:noFill/>
                    <a:ln>
                      <a:noFill/>
                    </a:ln>
                  </pic:spPr>
                </pic:pic>
              </a:graphicData>
            </a:graphic>
          </wp:inline>
        </w:drawing>
      </w:r>
    </w:p>
    <w:p w14:paraId="1AC62482" w14:textId="77777777" w:rsidR="00CB6FB3" w:rsidRDefault="00CB6FB3" w:rsidP="006F47E7"/>
    <w:p w14:paraId="06F8B1E9" w14:textId="6D9225EF" w:rsidR="00CB6FB3" w:rsidRDefault="00CB6FB3" w:rsidP="006F47E7">
      <w:r>
        <w:t xml:space="preserve">The grouping for B &amp; C produce very little information and simply show a 50% similarity. </w:t>
      </w:r>
    </w:p>
    <w:p w14:paraId="41C2B9AA" w14:textId="5733BAED" w:rsidR="00DC3008" w:rsidRDefault="00DC3008" w:rsidP="006F47E7"/>
    <w:p w14:paraId="7696EF1C" w14:textId="0021EAE0" w:rsidR="00DC3008" w:rsidRPr="00DC3008" w:rsidRDefault="00DC3008" w:rsidP="006F47E7">
      <w:pPr>
        <w:rPr>
          <w:b/>
          <w:bCs/>
        </w:rPr>
      </w:pPr>
      <w:r w:rsidRPr="00DC3008">
        <w:rPr>
          <w:b/>
          <w:bCs/>
        </w:rPr>
        <w:t>NMC Analysis</w:t>
      </w:r>
    </w:p>
    <w:p w14:paraId="7C209BAB" w14:textId="5922B80D" w:rsidR="00DC3008" w:rsidRDefault="00DC3008" w:rsidP="006F47E7"/>
    <w:p w14:paraId="031289D6" w14:textId="41642573" w:rsidR="00DC3008" w:rsidRDefault="00DC3008" w:rsidP="006F47E7">
      <w:r>
        <w:t>As attached on the spreadsheet.</w:t>
      </w:r>
    </w:p>
    <w:p w14:paraId="6DA88AC5" w14:textId="77777777" w:rsidR="00DC3008" w:rsidRDefault="00DC3008" w:rsidP="006F47E7"/>
    <w:p w14:paraId="235AC374" w14:textId="3DE52D19" w:rsidR="00CE1F2E" w:rsidRPr="00A913F7" w:rsidRDefault="00CE1F2E" w:rsidP="00CE1F2E">
      <w:pPr>
        <w:rPr>
          <w:b/>
          <w:bCs/>
        </w:rPr>
      </w:pPr>
      <w:r w:rsidRPr="00A913F7">
        <w:rPr>
          <w:b/>
          <w:bCs/>
        </w:rPr>
        <w:t>LDA</w:t>
      </w:r>
    </w:p>
    <w:p w14:paraId="491A2A7A" w14:textId="03613AD4" w:rsidR="006F47E7" w:rsidRDefault="006F47E7" w:rsidP="00A22A3B">
      <w:pPr>
        <w:pStyle w:val="ListParagraph"/>
        <w:numPr>
          <w:ilvl w:val="0"/>
          <w:numId w:val="6"/>
        </w:numPr>
      </w:pPr>
      <w:r>
        <w:t>D</w:t>
      </w:r>
      <w:r w:rsidR="00CE1F2E" w:rsidRPr="00CE1F2E">
        <w:t>o LDA using just your 2 assigned columns, including prediction of the unknowns.</w:t>
      </w:r>
    </w:p>
    <w:p w14:paraId="513AB937" w14:textId="56899D86" w:rsidR="00DC3008" w:rsidRDefault="00DC3008" w:rsidP="006F47E7">
      <w:pPr>
        <w:jc w:val="center"/>
      </w:pPr>
      <w:r w:rsidRPr="00DC3008">
        <w:rPr>
          <w:noProof/>
        </w:rPr>
        <w:lastRenderedPageBreak/>
        <w:drawing>
          <wp:inline distT="0" distB="0" distL="0" distR="0" wp14:anchorId="786CF2A5" wp14:editId="4F1D6650">
            <wp:extent cx="1720158" cy="1276246"/>
            <wp:effectExtent l="0" t="0" r="0" b="63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1725475" cy="1280191"/>
                    </a:xfrm>
                    <a:prstGeom prst="rect">
                      <a:avLst/>
                    </a:prstGeom>
                  </pic:spPr>
                </pic:pic>
              </a:graphicData>
            </a:graphic>
          </wp:inline>
        </w:drawing>
      </w:r>
    </w:p>
    <w:p w14:paraId="2F4D9C8E" w14:textId="514B8D99" w:rsidR="006F47E7" w:rsidRDefault="00DC3008" w:rsidP="006F47E7">
      <w:pPr>
        <w:jc w:val="center"/>
      </w:pPr>
      <w:r w:rsidRPr="00DC3008">
        <w:rPr>
          <w:noProof/>
        </w:rPr>
        <w:drawing>
          <wp:inline distT="0" distB="0" distL="0" distR="0" wp14:anchorId="5A8413FA" wp14:editId="75FECD32">
            <wp:extent cx="1783533" cy="728140"/>
            <wp:effectExtent l="0" t="0" r="762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790883" cy="731141"/>
                    </a:xfrm>
                    <a:prstGeom prst="rect">
                      <a:avLst/>
                    </a:prstGeom>
                  </pic:spPr>
                </pic:pic>
              </a:graphicData>
            </a:graphic>
          </wp:inline>
        </w:drawing>
      </w:r>
    </w:p>
    <w:p w14:paraId="2FCCB687" w14:textId="4C5921A2" w:rsidR="00671933" w:rsidRDefault="00671933" w:rsidP="006F47E7">
      <w:pPr>
        <w:jc w:val="center"/>
      </w:pPr>
    </w:p>
    <w:p w14:paraId="101877AC" w14:textId="07C34A6F" w:rsidR="00A913F7" w:rsidRDefault="00DC3008" w:rsidP="00CE1F2E">
      <w:r>
        <w:t xml:space="preserve">The LDA method showed that 13 out of 16 were classified correctly at a </w:t>
      </w:r>
      <w:r w:rsidR="00671933">
        <w:t xml:space="preserve">total proportion of </w:t>
      </w:r>
      <w:r>
        <w:t>81</w:t>
      </w:r>
      <w:r w:rsidR="00671933">
        <w:t xml:space="preserve">%. </w:t>
      </w:r>
      <w:r>
        <w:t xml:space="preserve">Group b had a higher number of correct groupings 7 out of 8 at 88% whereas group a only had 6 out of 8 correct at 75%. </w:t>
      </w:r>
    </w:p>
    <w:p w14:paraId="51DA167D" w14:textId="77777777" w:rsidR="00A913F7" w:rsidRPr="00CE1F2E" w:rsidRDefault="00A913F7" w:rsidP="00CE1F2E"/>
    <w:p w14:paraId="2D6D1AF1" w14:textId="21912745" w:rsidR="00CE1F2E" w:rsidRDefault="00DC3008" w:rsidP="00671933">
      <w:pPr>
        <w:pStyle w:val="ListParagraph"/>
        <w:numPr>
          <w:ilvl w:val="0"/>
          <w:numId w:val="6"/>
        </w:numPr>
      </w:pPr>
      <w:r>
        <w:t>R</w:t>
      </w:r>
      <w:r w:rsidR="00CE1F2E" w:rsidRPr="00CE1F2E">
        <w:t>epeat using all 5 columns</w:t>
      </w:r>
      <w:r w:rsidR="00B50F9C">
        <w:t>.</w:t>
      </w:r>
    </w:p>
    <w:p w14:paraId="1CBDF811" w14:textId="3EE26E0E" w:rsidR="00A913F7" w:rsidRDefault="00A913F7" w:rsidP="00CE1F2E"/>
    <w:p w14:paraId="5EA8DBFA" w14:textId="7B95FA72" w:rsidR="00671933" w:rsidRDefault="002248F2" w:rsidP="002248F2">
      <w:pPr>
        <w:jc w:val="center"/>
      </w:pPr>
      <w:r w:rsidRPr="002248F2">
        <w:rPr>
          <w:noProof/>
        </w:rPr>
        <w:drawing>
          <wp:inline distT="0" distB="0" distL="0" distR="0" wp14:anchorId="43B5EBBD" wp14:editId="29F4F07F">
            <wp:extent cx="1927996" cy="1430448"/>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1935634" cy="1436115"/>
                    </a:xfrm>
                    <a:prstGeom prst="rect">
                      <a:avLst/>
                    </a:prstGeom>
                  </pic:spPr>
                </pic:pic>
              </a:graphicData>
            </a:graphic>
          </wp:inline>
        </w:drawing>
      </w:r>
    </w:p>
    <w:p w14:paraId="4FB31B62" w14:textId="4DA71EFD" w:rsidR="00671933" w:rsidRDefault="002248F2" w:rsidP="002248F2">
      <w:pPr>
        <w:jc w:val="center"/>
      </w:pPr>
      <w:r w:rsidRPr="002248F2">
        <w:rPr>
          <w:noProof/>
        </w:rPr>
        <w:drawing>
          <wp:inline distT="0" distB="0" distL="0" distR="0" wp14:anchorId="1F5C9DC3" wp14:editId="27C39F28">
            <wp:extent cx="1995832" cy="814812"/>
            <wp:effectExtent l="0" t="0" r="4445" b="444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999100" cy="816146"/>
                    </a:xfrm>
                    <a:prstGeom prst="rect">
                      <a:avLst/>
                    </a:prstGeom>
                  </pic:spPr>
                </pic:pic>
              </a:graphicData>
            </a:graphic>
          </wp:inline>
        </w:drawing>
      </w:r>
    </w:p>
    <w:p w14:paraId="4324DDEC" w14:textId="180BE6BC" w:rsidR="00A913F7" w:rsidRDefault="00802537" w:rsidP="00CE1F2E">
      <w:r>
        <w:t xml:space="preserve">When all 5 columns are analysed, it shows that all variables have been classed correctly at a total proportion of 100%. </w:t>
      </w:r>
    </w:p>
    <w:p w14:paraId="2AF4F80A" w14:textId="77777777" w:rsidR="00B50F9C" w:rsidRDefault="00B50F9C" w:rsidP="00CE1F2E"/>
    <w:p w14:paraId="2D33EA3E" w14:textId="0C251D9C" w:rsidR="002248F2" w:rsidRPr="002C6D17" w:rsidRDefault="00B50F9C" w:rsidP="002248F2">
      <w:pPr>
        <w:pStyle w:val="ListParagraph"/>
        <w:numPr>
          <w:ilvl w:val="0"/>
          <w:numId w:val="6"/>
        </w:numPr>
        <w:rPr>
          <w:color w:val="000000" w:themeColor="text1"/>
        </w:rPr>
      </w:pPr>
      <w:r w:rsidRPr="002C6D17">
        <w:rPr>
          <w:color w:val="000000" w:themeColor="text1"/>
        </w:rPr>
        <w:t>C</w:t>
      </w:r>
      <w:r w:rsidR="00CE1F2E" w:rsidRPr="002C6D17">
        <w:rPr>
          <w:color w:val="000000" w:themeColor="text1"/>
        </w:rPr>
        <w:t xml:space="preserve">omment on how each performs and how </w:t>
      </w:r>
      <w:r w:rsidR="00D60E8C" w:rsidRPr="002C6D17">
        <w:rPr>
          <w:color w:val="000000" w:themeColor="text1"/>
        </w:rPr>
        <w:t>this result</w:t>
      </w:r>
      <w:r w:rsidR="00CE1F2E" w:rsidRPr="002C6D17">
        <w:rPr>
          <w:color w:val="000000" w:themeColor="text1"/>
        </w:rPr>
        <w:t xml:space="preserve"> compares to the nearest </w:t>
      </w:r>
      <w:r w:rsidR="00D60E8C" w:rsidRPr="002C6D17">
        <w:rPr>
          <w:color w:val="000000" w:themeColor="text1"/>
        </w:rPr>
        <w:t>means</w:t>
      </w:r>
      <w:r w:rsidR="00CE1F2E" w:rsidRPr="002C6D17">
        <w:rPr>
          <w:color w:val="000000" w:themeColor="text1"/>
        </w:rPr>
        <w:t xml:space="preserve"> analysis</w:t>
      </w:r>
      <w:r w:rsidR="002248F2" w:rsidRPr="002C6D17">
        <w:rPr>
          <w:color w:val="000000" w:themeColor="text1"/>
        </w:rPr>
        <w:t>.</w:t>
      </w:r>
    </w:p>
    <w:p w14:paraId="06EDAFF5" w14:textId="1B750108" w:rsidR="002248F2" w:rsidRDefault="00A22A3B" w:rsidP="002248F2">
      <w:pPr>
        <w:rPr>
          <w:color w:val="000000" w:themeColor="text1"/>
        </w:rPr>
      </w:pPr>
      <w:r>
        <w:rPr>
          <w:color w:val="000000" w:themeColor="text1"/>
        </w:rPr>
        <w:t>The NMC analysis had 4 misclassified, so for 12 out of a total of 16 for columns B and C was correctly allocated. As shown on the spreadsheet, sample 12 can be placed in both a/b which is almost identical to the LDA analysis that showed 13 out of 16 had been correctly groupe</w:t>
      </w:r>
      <w:r w:rsidR="00E93312">
        <w:rPr>
          <w:color w:val="000000" w:themeColor="text1"/>
        </w:rPr>
        <w:t xml:space="preserve">d. Since NMC assumes the data is on the same scale according to the Euclidian distance and the LDA measures the Mahalanobis distance, they both result in very similar results. </w:t>
      </w:r>
    </w:p>
    <w:p w14:paraId="49A1910C" w14:textId="77777777" w:rsidR="00A22A3B" w:rsidRPr="002C6D17" w:rsidRDefault="00A22A3B" w:rsidP="002248F2">
      <w:pPr>
        <w:rPr>
          <w:color w:val="000000" w:themeColor="text1"/>
        </w:rPr>
      </w:pPr>
    </w:p>
    <w:p w14:paraId="7CE1E03A" w14:textId="77777777" w:rsidR="00CB6FB3" w:rsidRDefault="00CB6FB3">
      <w:pPr>
        <w:rPr>
          <w:b/>
          <w:bCs/>
          <w:color w:val="000000" w:themeColor="text1"/>
        </w:rPr>
      </w:pPr>
      <w:r>
        <w:rPr>
          <w:b/>
          <w:bCs/>
          <w:color w:val="000000" w:themeColor="text1"/>
        </w:rPr>
        <w:br w:type="page"/>
      </w:r>
    </w:p>
    <w:p w14:paraId="004B573A" w14:textId="5A39F7BC" w:rsidR="002248F2" w:rsidRPr="002C6D17" w:rsidRDefault="002248F2" w:rsidP="002248F2">
      <w:pPr>
        <w:rPr>
          <w:b/>
          <w:bCs/>
          <w:color w:val="000000" w:themeColor="text1"/>
        </w:rPr>
      </w:pPr>
      <w:r w:rsidRPr="002C6D17">
        <w:rPr>
          <w:b/>
          <w:bCs/>
          <w:color w:val="000000" w:themeColor="text1"/>
        </w:rPr>
        <w:lastRenderedPageBreak/>
        <w:t>Part 3</w:t>
      </w:r>
    </w:p>
    <w:p w14:paraId="6BAAC092" w14:textId="47D055BB" w:rsidR="004A3A27" w:rsidRDefault="004A3A27" w:rsidP="00112F60">
      <w:pPr>
        <w:pStyle w:val="ListParagraph"/>
        <w:numPr>
          <w:ilvl w:val="0"/>
          <w:numId w:val="6"/>
        </w:numPr>
      </w:pPr>
      <w:r w:rsidRPr="004A3A27">
        <w:t>Plot on one graph all the spectra to see what the data looks like.</w:t>
      </w:r>
    </w:p>
    <w:p w14:paraId="296FB4EF" w14:textId="51BB6907" w:rsidR="004A3A27" w:rsidRDefault="004A3A27" w:rsidP="004A3A27">
      <w:pPr>
        <w:jc w:val="center"/>
      </w:pPr>
      <w:r>
        <w:rPr>
          <w:noProof/>
        </w:rPr>
        <w:drawing>
          <wp:inline distT="0" distB="0" distL="0" distR="0" wp14:anchorId="44671C69" wp14:editId="6F6CB7BD">
            <wp:extent cx="4641850" cy="2901950"/>
            <wp:effectExtent l="0" t="0" r="6350" b="12700"/>
            <wp:docPr id="28" name="Chart 28">
              <a:extLst xmlns:a="http://schemas.openxmlformats.org/drawingml/2006/main">
                <a:ext uri="{FF2B5EF4-FFF2-40B4-BE49-F238E27FC236}">
                  <a16:creationId xmlns:a16="http://schemas.microsoft.com/office/drawing/2014/main" id="{3F4591A8-F587-4361-8B9F-6D2ADDB1FF8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14:paraId="1DB91832" w14:textId="77777777" w:rsidR="004A3A27" w:rsidRDefault="004A3A27" w:rsidP="004A3A27">
      <w:pPr>
        <w:jc w:val="center"/>
      </w:pPr>
    </w:p>
    <w:p w14:paraId="7379E0E5" w14:textId="6440A41E" w:rsidR="00B50F9C" w:rsidRPr="00671933" w:rsidRDefault="00112F60" w:rsidP="00112F60">
      <w:pPr>
        <w:pStyle w:val="ListParagraph"/>
        <w:numPr>
          <w:ilvl w:val="0"/>
          <w:numId w:val="6"/>
        </w:numPr>
      </w:pPr>
      <w:r w:rsidRPr="00112F60">
        <w:t>Carry out PCA on the whole absorption data set, using the appropriate pre</w:t>
      </w:r>
      <w:r w:rsidR="004A3A27">
        <w:t>-</w:t>
      </w:r>
      <w:r w:rsidRPr="00112F60">
        <w:t>treatment. is there any evidence of outliers from the score plot?</w:t>
      </w:r>
    </w:p>
    <w:p w14:paraId="5D68A24C" w14:textId="77777777" w:rsidR="00EE2BE8" w:rsidRDefault="00EE2BE8" w:rsidP="00CB6FB3">
      <w:pPr>
        <w:rPr>
          <w:b/>
          <w:bCs/>
        </w:rPr>
      </w:pPr>
    </w:p>
    <w:p w14:paraId="0028CF0D" w14:textId="7757F37A" w:rsidR="00EE2BE8" w:rsidRDefault="00072C9D" w:rsidP="004A3A27">
      <w:pPr>
        <w:jc w:val="center"/>
      </w:pPr>
      <w:r w:rsidRPr="00072C9D">
        <w:rPr>
          <w:noProof/>
        </w:rPr>
        <w:drawing>
          <wp:inline distT="0" distB="0" distL="0" distR="0" wp14:anchorId="15439387" wp14:editId="373B36AB">
            <wp:extent cx="4705350" cy="3136900"/>
            <wp:effectExtent l="0" t="0" r="0" b="635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707533" cy="3138355"/>
                    </a:xfrm>
                    <a:prstGeom prst="rect">
                      <a:avLst/>
                    </a:prstGeom>
                    <a:noFill/>
                    <a:ln>
                      <a:noFill/>
                    </a:ln>
                  </pic:spPr>
                </pic:pic>
              </a:graphicData>
            </a:graphic>
          </wp:inline>
        </w:drawing>
      </w:r>
    </w:p>
    <w:p w14:paraId="726BA8D3" w14:textId="3E734B3F" w:rsidR="00C30440" w:rsidRDefault="00C30440" w:rsidP="00C30440">
      <w:pPr>
        <w:rPr>
          <w:b/>
          <w:bCs/>
        </w:rPr>
      </w:pPr>
    </w:p>
    <w:p w14:paraId="681A7651" w14:textId="5681B5E8" w:rsidR="00CB6FB3" w:rsidRDefault="00CB6FB3" w:rsidP="00C30440">
      <w:pPr>
        <w:rPr>
          <w:color w:val="000000" w:themeColor="text1"/>
        </w:rPr>
      </w:pPr>
      <w:r>
        <w:rPr>
          <w:color w:val="000000" w:themeColor="text1"/>
        </w:rPr>
        <w:t xml:space="preserve">All 22 samples have an even spread across the score plot that indicate </w:t>
      </w:r>
      <w:r w:rsidR="004A3A27">
        <w:rPr>
          <w:color w:val="000000" w:themeColor="text1"/>
        </w:rPr>
        <w:t xml:space="preserve">no obvious outliers. The samples were pre-treated with mean centring as PCA does not have any structure in the data. </w:t>
      </w:r>
    </w:p>
    <w:p w14:paraId="492C620B" w14:textId="31C8189E" w:rsidR="004A3A27" w:rsidRDefault="004A3A27" w:rsidP="004A3A27">
      <w:pPr>
        <w:jc w:val="center"/>
        <w:rPr>
          <w:color w:val="000000" w:themeColor="text1"/>
        </w:rPr>
      </w:pPr>
      <w:r w:rsidRPr="004A3A27">
        <w:rPr>
          <w:noProof/>
          <w:color w:val="000000" w:themeColor="text1"/>
        </w:rPr>
        <w:lastRenderedPageBreak/>
        <w:drawing>
          <wp:inline distT="0" distB="0" distL="0" distR="0" wp14:anchorId="5758F29E" wp14:editId="0A607729">
            <wp:extent cx="4000500" cy="266700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002906" cy="2668604"/>
                    </a:xfrm>
                    <a:prstGeom prst="rect">
                      <a:avLst/>
                    </a:prstGeom>
                    <a:noFill/>
                    <a:ln>
                      <a:noFill/>
                    </a:ln>
                  </pic:spPr>
                </pic:pic>
              </a:graphicData>
            </a:graphic>
          </wp:inline>
        </w:drawing>
      </w:r>
    </w:p>
    <w:p w14:paraId="6BC040F2" w14:textId="2CCC1857" w:rsidR="004A3A27" w:rsidRDefault="004A3A27" w:rsidP="004A3A27">
      <w:pPr>
        <w:rPr>
          <w:color w:val="000000" w:themeColor="text1"/>
        </w:rPr>
      </w:pPr>
      <w:r>
        <w:rPr>
          <w:color w:val="000000" w:themeColor="text1"/>
        </w:rPr>
        <w:t xml:space="preserve">The loadings plot reaffirms the findings of the score plot as all wavelengths are evenly spread across. </w:t>
      </w:r>
    </w:p>
    <w:p w14:paraId="62F31635" w14:textId="77777777" w:rsidR="004A3A27" w:rsidRPr="00CB6FB3" w:rsidRDefault="004A3A27" w:rsidP="004A3A27">
      <w:pPr>
        <w:rPr>
          <w:color w:val="000000" w:themeColor="text1"/>
        </w:rPr>
      </w:pPr>
    </w:p>
    <w:p w14:paraId="4AD78E82" w14:textId="17A33930" w:rsidR="00EE2BE8" w:rsidRPr="00C30440" w:rsidRDefault="00EE2BE8" w:rsidP="00EE2BE8">
      <w:pPr>
        <w:pStyle w:val="ListParagraph"/>
        <w:numPr>
          <w:ilvl w:val="0"/>
          <w:numId w:val="6"/>
        </w:numPr>
        <w:rPr>
          <w:rFonts w:cstheme="minorHAnsi"/>
        </w:rPr>
      </w:pPr>
      <w:r w:rsidRPr="00C30440">
        <w:rPr>
          <w:rFonts w:eastAsia="Times New Roman" w:cstheme="minorHAnsi"/>
          <w:lang w:eastAsia="en-AU"/>
        </w:rPr>
        <w:t>Carry out PLS analysis using the wavelength data set and the concentrations of your assigned metal as responses. Use at least as many PCs as you have components (metals) and a few extra for noise.</w:t>
      </w:r>
    </w:p>
    <w:p w14:paraId="767C597F" w14:textId="38FB1403" w:rsidR="004A3A27" w:rsidRDefault="00EE2BE8" w:rsidP="004A3A27">
      <w:pPr>
        <w:jc w:val="center"/>
        <w:rPr>
          <w:b/>
          <w:bCs/>
        </w:rPr>
      </w:pPr>
      <w:r w:rsidRPr="00EE2BE8">
        <w:rPr>
          <w:b/>
          <w:bCs/>
          <w:noProof/>
        </w:rPr>
        <w:drawing>
          <wp:inline distT="0" distB="0" distL="0" distR="0" wp14:anchorId="35943463" wp14:editId="0F50F06C">
            <wp:extent cx="4467885" cy="2978590"/>
            <wp:effectExtent l="0" t="0" r="889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482499" cy="2988332"/>
                    </a:xfrm>
                    <a:prstGeom prst="rect">
                      <a:avLst/>
                    </a:prstGeom>
                    <a:noFill/>
                    <a:ln>
                      <a:noFill/>
                    </a:ln>
                  </pic:spPr>
                </pic:pic>
              </a:graphicData>
            </a:graphic>
          </wp:inline>
        </w:drawing>
      </w:r>
    </w:p>
    <w:p w14:paraId="7DE52F79" w14:textId="398C2010" w:rsidR="00D45706" w:rsidRPr="00D45706" w:rsidRDefault="00D45706" w:rsidP="00D45706">
      <w:pPr>
        <w:rPr>
          <w:color w:val="000000" w:themeColor="text1"/>
        </w:rPr>
      </w:pPr>
      <w:r>
        <w:t xml:space="preserve">The p-value was at 0.000 (p&lt;0.05) which means that regression works very well for cobalt which can be seen on the PLS plot as actual vs. calculated response have produced a very </w:t>
      </w:r>
      <w:r w:rsidRPr="00D45706">
        <w:rPr>
          <w:color w:val="000000" w:themeColor="text1"/>
        </w:rPr>
        <w:t xml:space="preserve">positively linear organization of the datapoints. </w:t>
      </w:r>
    </w:p>
    <w:p w14:paraId="482256B6" w14:textId="3A511C48" w:rsidR="004A3A27" w:rsidRPr="00D45706" w:rsidRDefault="004A3A27" w:rsidP="004A3A27">
      <w:pPr>
        <w:jc w:val="center"/>
        <w:rPr>
          <w:b/>
          <w:bCs/>
          <w:color w:val="000000" w:themeColor="text1"/>
        </w:rPr>
      </w:pPr>
    </w:p>
    <w:p w14:paraId="6BA0A143" w14:textId="77777777" w:rsidR="00436812" w:rsidRDefault="004A3A27" w:rsidP="00D45706">
      <w:pPr>
        <w:pStyle w:val="ListParagraph"/>
        <w:numPr>
          <w:ilvl w:val="0"/>
          <w:numId w:val="6"/>
        </w:numPr>
        <w:rPr>
          <w:color w:val="000000" w:themeColor="text1"/>
        </w:rPr>
      </w:pPr>
      <w:r w:rsidRPr="00D45706">
        <w:rPr>
          <w:color w:val="000000" w:themeColor="text1"/>
        </w:rPr>
        <w:t>Decide on the optimal number of components (beware of overfitting) and plot a graph of predicted vs actual concentrations.</w:t>
      </w:r>
    </w:p>
    <w:p w14:paraId="643BFA75" w14:textId="3333A7B9" w:rsidR="00436812" w:rsidRDefault="00436812" w:rsidP="00436812">
      <w:pPr>
        <w:rPr>
          <w:color w:val="000000" w:themeColor="text1"/>
        </w:rPr>
      </w:pPr>
    </w:p>
    <w:p w14:paraId="5FB63D72" w14:textId="6D602510" w:rsidR="00436812" w:rsidRDefault="00436812" w:rsidP="00436812">
      <w:pPr>
        <w:jc w:val="center"/>
        <w:rPr>
          <w:color w:val="000000" w:themeColor="text1"/>
        </w:rPr>
      </w:pPr>
      <w:r w:rsidRPr="000D0227">
        <w:rPr>
          <w:noProof/>
        </w:rPr>
        <w:lastRenderedPageBreak/>
        <w:drawing>
          <wp:inline distT="0" distB="0" distL="0" distR="0" wp14:anchorId="1C7AD12C" wp14:editId="5C48FB80">
            <wp:extent cx="4826000" cy="3217333"/>
            <wp:effectExtent l="0" t="0" r="0" b="254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837541" cy="3225027"/>
                    </a:xfrm>
                    <a:prstGeom prst="rect">
                      <a:avLst/>
                    </a:prstGeom>
                    <a:noFill/>
                    <a:ln>
                      <a:noFill/>
                    </a:ln>
                  </pic:spPr>
                </pic:pic>
              </a:graphicData>
            </a:graphic>
          </wp:inline>
        </w:drawing>
      </w:r>
    </w:p>
    <w:p w14:paraId="78412864" w14:textId="7C3B2FD4" w:rsidR="00436812" w:rsidRPr="00D45706" w:rsidRDefault="00D45706" w:rsidP="00D45706">
      <w:pPr>
        <w:rPr>
          <w:color w:val="000000" w:themeColor="text1"/>
        </w:rPr>
      </w:pPr>
      <w:r w:rsidRPr="00436812">
        <w:rPr>
          <w:color w:val="000000" w:themeColor="text1"/>
        </w:rPr>
        <w:t xml:space="preserve">5 samples were chosen at random (sample 8, 10, 11, 14 &amp; 18) to determine if running less samples produced a better fit. Cobalt </w:t>
      </w:r>
      <w:r w:rsidR="00436812">
        <w:rPr>
          <w:color w:val="000000" w:themeColor="text1"/>
        </w:rPr>
        <w:t xml:space="preserve">produced a p-value of 0.000 which is identical to the regression carried out on all 22 samples. It shows that segmenting the dataset to show an optimal amount was not needed. </w:t>
      </w:r>
    </w:p>
    <w:p w14:paraId="210171D6" w14:textId="77777777" w:rsidR="00D45706" w:rsidRPr="00D45706" w:rsidRDefault="00D45706" w:rsidP="00D45706">
      <w:pPr>
        <w:rPr>
          <w:color w:val="000000" w:themeColor="text1"/>
        </w:rPr>
      </w:pPr>
    </w:p>
    <w:p w14:paraId="6C0C9629" w14:textId="74CF8E62" w:rsidR="00436812" w:rsidRDefault="004A3A27" w:rsidP="00436812">
      <w:pPr>
        <w:pStyle w:val="ListParagraph"/>
        <w:numPr>
          <w:ilvl w:val="0"/>
          <w:numId w:val="6"/>
        </w:numPr>
        <w:rPr>
          <w:color w:val="000000" w:themeColor="text1"/>
        </w:rPr>
      </w:pPr>
      <w:r w:rsidRPr="00D45706">
        <w:rPr>
          <w:color w:val="000000" w:themeColor="text1"/>
        </w:rPr>
        <w:t>Calculate the first and second derivatives of each row using S-G polynomials (see sample sheet) and repeat PLS for each. How do they compare? Is there a marked improvement? Compare the performances using appropriate diagnostics.</w:t>
      </w:r>
    </w:p>
    <w:p w14:paraId="59963372" w14:textId="77777777" w:rsidR="00436812" w:rsidRPr="00436812" w:rsidRDefault="00436812" w:rsidP="00436812">
      <w:pPr>
        <w:pStyle w:val="ListParagraph"/>
        <w:rPr>
          <w:color w:val="000000" w:themeColor="text1"/>
        </w:rPr>
      </w:pPr>
    </w:p>
    <w:p w14:paraId="7D399820" w14:textId="7127E2DB" w:rsidR="00436812" w:rsidRPr="00436812" w:rsidRDefault="00436812" w:rsidP="00436812">
      <w:pPr>
        <w:rPr>
          <w:b/>
          <w:bCs/>
          <w:color w:val="000000" w:themeColor="text1"/>
        </w:rPr>
      </w:pPr>
      <w:r w:rsidRPr="00436812">
        <w:rPr>
          <w:b/>
          <w:bCs/>
          <w:color w:val="000000" w:themeColor="text1"/>
        </w:rPr>
        <w:t>First Derivative</w:t>
      </w:r>
    </w:p>
    <w:p w14:paraId="2236E9E4" w14:textId="3C9FE3A8" w:rsidR="00436812" w:rsidRDefault="00436812" w:rsidP="00436812">
      <w:pPr>
        <w:jc w:val="center"/>
        <w:rPr>
          <w:color w:val="000000" w:themeColor="text1"/>
        </w:rPr>
      </w:pPr>
      <w:r w:rsidRPr="000D0227">
        <w:rPr>
          <w:noProof/>
        </w:rPr>
        <w:drawing>
          <wp:inline distT="0" distB="0" distL="0" distR="0" wp14:anchorId="2FA50875" wp14:editId="69AD68F1">
            <wp:extent cx="4318001" cy="2878667"/>
            <wp:effectExtent l="0" t="0" r="635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322549" cy="2881699"/>
                    </a:xfrm>
                    <a:prstGeom prst="rect">
                      <a:avLst/>
                    </a:prstGeom>
                    <a:noFill/>
                    <a:ln>
                      <a:noFill/>
                    </a:ln>
                  </pic:spPr>
                </pic:pic>
              </a:graphicData>
            </a:graphic>
          </wp:inline>
        </w:drawing>
      </w:r>
    </w:p>
    <w:p w14:paraId="07BF800D" w14:textId="1AACD607" w:rsidR="00436812" w:rsidRDefault="00436812" w:rsidP="00436812">
      <w:pPr>
        <w:rPr>
          <w:color w:val="000000" w:themeColor="text1"/>
        </w:rPr>
      </w:pPr>
    </w:p>
    <w:p w14:paraId="739B80DD" w14:textId="5F38D9DD" w:rsidR="00436812" w:rsidRPr="00436812" w:rsidRDefault="00436812" w:rsidP="00436812">
      <w:pPr>
        <w:rPr>
          <w:b/>
          <w:bCs/>
          <w:color w:val="000000" w:themeColor="text1"/>
        </w:rPr>
      </w:pPr>
      <w:r w:rsidRPr="00436812">
        <w:rPr>
          <w:b/>
          <w:bCs/>
          <w:color w:val="000000" w:themeColor="text1"/>
        </w:rPr>
        <w:t>Second Derivative</w:t>
      </w:r>
    </w:p>
    <w:p w14:paraId="230AD96A" w14:textId="72438116" w:rsidR="00436812" w:rsidRDefault="00436812" w:rsidP="00436812">
      <w:pPr>
        <w:jc w:val="center"/>
        <w:rPr>
          <w:color w:val="000000" w:themeColor="text1"/>
        </w:rPr>
      </w:pPr>
      <w:r w:rsidRPr="000D0227">
        <w:rPr>
          <w:noProof/>
        </w:rPr>
        <w:lastRenderedPageBreak/>
        <w:drawing>
          <wp:inline distT="0" distB="0" distL="0" distR="0" wp14:anchorId="22BC1112" wp14:editId="3FD7CBB0">
            <wp:extent cx="4292600" cy="2861733"/>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4298161" cy="2865441"/>
                    </a:xfrm>
                    <a:prstGeom prst="rect">
                      <a:avLst/>
                    </a:prstGeom>
                    <a:noFill/>
                    <a:ln>
                      <a:noFill/>
                    </a:ln>
                  </pic:spPr>
                </pic:pic>
              </a:graphicData>
            </a:graphic>
          </wp:inline>
        </w:drawing>
      </w:r>
    </w:p>
    <w:p w14:paraId="2FAEDA25" w14:textId="08B25729" w:rsidR="00436812" w:rsidRDefault="00436812" w:rsidP="00436812">
      <w:pPr>
        <w:rPr>
          <w:color w:val="000000" w:themeColor="text1"/>
        </w:rPr>
      </w:pPr>
    </w:p>
    <w:p w14:paraId="3CC679BD" w14:textId="3D18E47E" w:rsidR="00436812" w:rsidRDefault="00436812" w:rsidP="00436812">
      <w:pPr>
        <w:rPr>
          <w:color w:val="000000" w:themeColor="text1"/>
        </w:rPr>
      </w:pPr>
      <w:r>
        <w:rPr>
          <w:color w:val="000000" w:themeColor="text1"/>
        </w:rPr>
        <w:t xml:space="preserve">The first and second derivatives </w:t>
      </w:r>
      <w:r w:rsidR="00C52127">
        <w:rPr>
          <w:color w:val="000000" w:themeColor="text1"/>
        </w:rPr>
        <w:t>produced identical p-values at 0.000 (p&lt;0.05) and response plots where the data moves in a positive linear direction. Cobalt works well without doing derivates and moving to the 2</w:t>
      </w:r>
      <w:r w:rsidR="00C52127" w:rsidRPr="00C52127">
        <w:rPr>
          <w:color w:val="000000" w:themeColor="text1"/>
          <w:vertAlign w:val="superscript"/>
        </w:rPr>
        <w:t>nd</w:t>
      </w:r>
      <w:r w:rsidR="00C52127">
        <w:rPr>
          <w:color w:val="000000" w:themeColor="text1"/>
        </w:rPr>
        <w:t xml:space="preserve"> derivative was unnecessary. It produces a good fit with the original concentrations with cobalt. </w:t>
      </w:r>
    </w:p>
    <w:p w14:paraId="5989709F" w14:textId="77777777" w:rsidR="00436812" w:rsidRPr="00436812" w:rsidRDefault="00436812" w:rsidP="00436812">
      <w:pPr>
        <w:rPr>
          <w:color w:val="000000" w:themeColor="text1"/>
        </w:rPr>
      </w:pPr>
    </w:p>
    <w:p w14:paraId="1EF31887" w14:textId="6C744DC9" w:rsidR="004A3A27" w:rsidRDefault="004A3A27" w:rsidP="004A3A27">
      <w:pPr>
        <w:pStyle w:val="ListParagraph"/>
        <w:numPr>
          <w:ilvl w:val="0"/>
          <w:numId w:val="6"/>
        </w:numPr>
      </w:pPr>
      <w:r w:rsidRPr="004A3A27">
        <w:t>Do a standard deviation plot of wavelength vs s.d. of each column</w:t>
      </w:r>
    </w:p>
    <w:p w14:paraId="44D8FEF9" w14:textId="506B05CF" w:rsidR="004A3A27" w:rsidRDefault="004A3A27" w:rsidP="004A3A27">
      <w:pPr>
        <w:jc w:val="center"/>
      </w:pPr>
      <w:r>
        <w:rPr>
          <w:noProof/>
        </w:rPr>
        <w:drawing>
          <wp:inline distT="0" distB="0" distL="0" distR="0" wp14:anchorId="34CAA939" wp14:editId="03DAA63E">
            <wp:extent cx="4432300" cy="3048000"/>
            <wp:effectExtent l="0" t="0" r="6350" b="0"/>
            <wp:docPr id="29" name="Chart 29">
              <a:extLst xmlns:a="http://schemas.openxmlformats.org/drawingml/2006/main">
                <a:ext uri="{FF2B5EF4-FFF2-40B4-BE49-F238E27FC236}">
                  <a16:creationId xmlns:a16="http://schemas.microsoft.com/office/drawing/2014/main" id="{F38A1AD3-7D2B-4BD9-AF48-96ABC9CEEA3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14:paraId="1EA17325" w14:textId="53ED4750" w:rsidR="00CE5C33" w:rsidRDefault="004A3A27" w:rsidP="00CE5C33">
      <w:pPr>
        <w:pStyle w:val="ListParagraph"/>
        <w:numPr>
          <w:ilvl w:val="0"/>
          <w:numId w:val="6"/>
        </w:numPr>
      </w:pPr>
      <w:r w:rsidRPr="004A3A27">
        <w:t>From this plot choose a subset of wavelengths (up to the number of samples) for ordinary least squares and do a multivariate regression for your metal. How does the result compare to PLS?</w:t>
      </w:r>
    </w:p>
    <w:p w14:paraId="7438E310" w14:textId="456BD479" w:rsidR="00117E5C" w:rsidRDefault="00117E5C" w:rsidP="00CE5C33"/>
    <w:p w14:paraId="54C302F1" w14:textId="581B1F16" w:rsidR="00117E5C" w:rsidRPr="00117E5C" w:rsidRDefault="00134186" w:rsidP="00CE5C33">
      <w:pPr>
        <w:rPr>
          <w:b/>
          <w:bCs/>
        </w:rPr>
      </w:pPr>
      <w:r>
        <w:rPr>
          <w:b/>
          <w:bCs/>
        </w:rPr>
        <w:t>OLS</w:t>
      </w:r>
      <w:r w:rsidR="00117E5C" w:rsidRPr="00117E5C">
        <w:rPr>
          <w:b/>
          <w:bCs/>
        </w:rPr>
        <w:t xml:space="preserve"> (V599, V597, V595, V593)</w:t>
      </w:r>
    </w:p>
    <w:p w14:paraId="34D97593" w14:textId="77777777" w:rsidR="00CE5C33" w:rsidRDefault="00CE5C33" w:rsidP="00CE5C33"/>
    <w:p w14:paraId="1580568E" w14:textId="77777777" w:rsidR="00CE5C33" w:rsidRDefault="00CE5C33" w:rsidP="00964361">
      <w:pPr>
        <w:jc w:val="center"/>
      </w:pPr>
      <w:r>
        <w:rPr>
          <w:noProof/>
        </w:rPr>
        <w:lastRenderedPageBreak/>
        <w:drawing>
          <wp:inline distT="0" distB="0" distL="0" distR="0" wp14:anchorId="0E44721D" wp14:editId="60649FD5">
            <wp:extent cx="2166528" cy="711200"/>
            <wp:effectExtent l="0" t="0" r="5715" b="0"/>
            <wp:docPr id="21" name="Picture 21" descr="Table&#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Table&#10;&#10;Description automatically generated with low confidence"/>
                    <pic:cNvPicPr/>
                  </pic:nvPicPr>
                  <pic:blipFill>
                    <a:blip r:embed="rId31">
                      <a:extLst>
                        <a:ext uri="{28A0092B-C50C-407E-A947-70E740481C1C}">
                          <a14:useLocalDpi xmlns:a14="http://schemas.microsoft.com/office/drawing/2010/main" val="0"/>
                        </a:ext>
                      </a:extLst>
                    </a:blip>
                    <a:stretch>
                      <a:fillRect/>
                    </a:stretch>
                  </pic:blipFill>
                  <pic:spPr>
                    <a:xfrm>
                      <a:off x="0" y="0"/>
                      <a:ext cx="2209166" cy="725197"/>
                    </a:xfrm>
                    <a:prstGeom prst="rect">
                      <a:avLst/>
                    </a:prstGeom>
                  </pic:spPr>
                </pic:pic>
              </a:graphicData>
            </a:graphic>
          </wp:inline>
        </w:drawing>
      </w:r>
    </w:p>
    <w:p w14:paraId="77854A5E" w14:textId="77777777" w:rsidR="00CE5C33" w:rsidRDefault="00CE5C33" w:rsidP="00964361">
      <w:pPr>
        <w:jc w:val="center"/>
      </w:pPr>
      <w:r>
        <w:rPr>
          <w:noProof/>
        </w:rPr>
        <w:drawing>
          <wp:inline distT="0" distB="0" distL="0" distR="0" wp14:anchorId="427AFC6D" wp14:editId="50267309">
            <wp:extent cx="2763174" cy="1479550"/>
            <wp:effectExtent l="0" t="0" r="0" b="6350"/>
            <wp:docPr id="22" name="Picture 22"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Table&#10;&#10;Description automatically generated"/>
                    <pic:cNvPicPr/>
                  </pic:nvPicPr>
                  <pic:blipFill>
                    <a:blip r:embed="rId32">
                      <a:extLst>
                        <a:ext uri="{28A0092B-C50C-407E-A947-70E740481C1C}">
                          <a14:useLocalDpi xmlns:a14="http://schemas.microsoft.com/office/drawing/2010/main" val="0"/>
                        </a:ext>
                      </a:extLst>
                    </a:blip>
                    <a:stretch>
                      <a:fillRect/>
                    </a:stretch>
                  </pic:blipFill>
                  <pic:spPr>
                    <a:xfrm>
                      <a:off x="0" y="0"/>
                      <a:ext cx="2803723" cy="1501262"/>
                    </a:xfrm>
                    <a:prstGeom prst="rect">
                      <a:avLst/>
                    </a:prstGeom>
                  </pic:spPr>
                </pic:pic>
              </a:graphicData>
            </a:graphic>
          </wp:inline>
        </w:drawing>
      </w:r>
    </w:p>
    <w:p w14:paraId="6D08B741" w14:textId="15FAC338" w:rsidR="00CE5C33" w:rsidRDefault="00CE5C33" w:rsidP="00134186"/>
    <w:p w14:paraId="026B17A0" w14:textId="77777777" w:rsidR="00CE5C33" w:rsidRDefault="00CE5C33" w:rsidP="00CE5C33"/>
    <w:p w14:paraId="7F39B150" w14:textId="6DECDF1D" w:rsidR="00B74E12" w:rsidRDefault="00CE5C33" w:rsidP="00CE5C33">
      <w:r>
        <w:t xml:space="preserve">The multivariate regression for cobalt vs. a small subset of wavelengths (v599, v597, v595 &amp; v593) show that the standard error is small at 0.02 and the data is highly statistically significant as the p-value is at 0.000 (p&lt;0.05) and has a strong relationship variation at 90.6% (r-squared value). </w:t>
      </w:r>
    </w:p>
    <w:p w14:paraId="5932B780" w14:textId="09B69434" w:rsidR="00B74E12" w:rsidRDefault="00B74E12" w:rsidP="00CE5C33"/>
    <w:p w14:paraId="3C60352E" w14:textId="33385F7C" w:rsidR="00B74E12" w:rsidRDefault="00B74E12" w:rsidP="00B74E12">
      <w:pPr>
        <w:jc w:val="center"/>
      </w:pPr>
      <w:r w:rsidRPr="00B74E12">
        <w:rPr>
          <w:noProof/>
        </w:rPr>
        <w:drawing>
          <wp:inline distT="0" distB="0" distL="0" distR="0" wp14:anchorId="26CC6E7F" wp14:editId="1DA6DC19">
            <wp:extent cx="4800600" cy="32004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805210" cy="3203473"/>
                    </a:xfrm>
                    <a:prstGeom prst="rect">
                      <a:avLst/>
                    </a:prstGeom>
                    <a:noFill/>
                    <a:ln>
                      <a:noFill/>
                    </a:ln>
                  </pic:spPr>
                </pic:pic>
              </a:graphicData>
            </a:graphic>
          </wp:inline>
        </w:drawing>
      </w:r>
    </w:p>
    <w:p w14:paraId="14B3ECF2" w14:textId="2DF797AB" w:rsidR="00B74E12" w:rsidRDefault="00B74E12" w:rsidP="00B74E12">
      <w:pPr>
        <w:jc w:val="center"/>
      </w:pPr>
    </w:p>
    <w:p w14:paraId="0E825869" w14:textId="7698B8B2" w:rsidR="00B74E12" w:rsidRDefault="00B74E12" w:rsidP="00B74E12">
      <w:r>
        <w:t xml:space="preserve">The fitted line plot for the single wavelength V599 has a r-squared value of 76.8%. It is lower in comparison than the four subset of wavelengths. </w:t>
      </w:r>
    </w:p>
    <w:p w14:paraId="0A0C386A" w14:textId="33C31D6E" w:rsidR="00CE5C33" w:rsidRDefault="00CE5C33" w:rsidP="00CE5C33"/>
    <w:p w14:paraId="5F4CD44F" w14:textId="59EE0300" w:rsidR="008E7640" w:rsidRPr="008E7640" w:rsidRDefault="008E7640" w:rsidP="00CE5C33">
      <w:pPr>
        <w:rPr>
          <w:b/>
          <w:bCs/>
        </w:rPr>
      </w:pPr>
      <w:r w:rsidRPr="008E7640">
        <w:rPr>
          <w:b/>
          <w:bCs/>
        </w:rPr>
        <w:t>Partial Least Squares</w:t>
      </w:r>
    </w:p>
    <w:p w14:paraId="2536ED11" w14:textId="4268F0F3" w:rsidR="00964361" w:rsidRDefault="00CE5C33" w:rsidP="00134186">
      <w:pPr>
        <w:jc w:val="center"/>
      </w:pPr>
      <w:r>
        <w:rPr>
          <w:noProof/>
        </w:rPr>
        <w:drawing>
          <wp:inline distT="0" distB="0" distL="0" distR="0" wp14:anchorId="782E9F66" wp14:editId="2FA615C6">
            <wp:extent cx="2544417" cy="918977"/>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34">
                      <a:extLst>
                        <a:ext uri="{28A0092B-C50C-407E-A947-70E740481C1C}">
                          <a14:useLocalDpi xmlns:a14="http://schemas.microsoft.com/office/drawing/2010/main" val="0"/>
                        </a:ext>
                      </a:extLst>
                    </a:blip>
                    <a:stretch>
                      <a:fillRect/>
                    </a:stretch>
                  </pic:blipFill>
                  <pic:spPr>
                    <a:xfrm>
                      <a:off x="0" y="0"/>
                      <a:ext cx="2568724" cy="927756"/>
                    </a:xfrm>
                    <a:prstGeom prst="rect">
                      <a:avLst/>
                    </a:prstGeom>
                  </pic:spPr>
                </pic:pic>
              </a:graphicData>
            </a:graphic>
          </wp:inline>
        </w:drawing>
      </w:r>
    </w:p>
    <w:p w14:paraId="56D936FC" w14:textId="0F26985A" w:rsidR="00C30440" w:rsidRDefault="00CE5C33" w:rsidP="00964361">
      <w:r>
        <w:lastRenderedPageBreak/>
        <w:t xml:space="preserve">The PLS regression for cobalt uses the same small subset of wavelengths (v599, v597, v595 &amp; v593). It produced the lowest residual error at 0.007 and like multivariate regression, the p-value is at 0.000 (p&lt; 0.05). The r-squared value using PLS between cobalt vs. 599 results in a slightly higher variation of data at 79% than of the </w:t>
      </w:r>
      <w:r w:rsidR="00134186">
        <w:t>OLS</w:t>
      </w:r>
      <w:r>
        <w:t xml:space="preserve"> result at 76.8%. </w:t>
      </w:r>
    </w:p>
    <w:p w14:paraId="22D3CF2C" w14:textId="792BE62D" w:rsidR="000D0227" w:rsidRDefault="000D0227" w:rsidP="00964361"/>
    <w:p w14:paraId="242A3759" w14:textId="2C09F886" w:rsidR="005C0853" w:rsidRDefault="005C0853" w:rsidP="005C0853">
      <w:pPr>
        <w:jc w:val="center"/>
      </w:pPr>
      <w:r w:rsidRPr="005C0853">
        <w:rPr>
          <w:noProof/>
        </w:rPr>
        <w:drawing>
          <wp:inline distT="0" distB="0" distL="0" distR="0" wp14:anchorId="5B7D9259" wp14:editId="7AFF37BB">
            <wp:extent cx="4018135" cy="2678757"/>
            <wp:effectExtent l="0" t="0" r="1905" b="762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021333" cy="2680889"/>
                    </a:xfrm>
                    <a:prstGeom prst="rect">
                      <a:avLst/>
                    </a:prstGeom>
                    <a:noFill/>
                    <a:ln>
                      <a:noFill/>
                    </a:ln>
                  </pic:spPr>
                </pic:pic>
              </a:graphicData>
            </a:graphic>
          </wp:inline>
        </w:drawing>
      </w:r>
    </w:p>
    <w:p w14:paraId="158FEAA6" w14:textId="16F02F04" w:rsidR="005C0853" w:rsidRDefault="005C0853" w:rsidP="00964361"/>
    <w:p w14:paraId="174870F1" w14:textId="55CC9A1D" w:rsidR="005C0853" w:rsidRDefault="005D6661" w:rsidP="00964361">
      <w:r>
        <w:t xml:space="preserve">The score plot </w:t>
      </w:r>
      <w:r w:rsidR="00B74E12">
        <w:t xml:space="preserve">using four components </w:t>
      </w:r>
      <w:r>
        <w:t xml:space="preserve">shows grouping of samples. For example, sample 5, 3, 2, 4, 6 &amp; 1 are distinctively grouped together on the lower right quadrant whereas sample 9, 17 &amp; 18 are in the middle left quadrant separated from the remaining samples that are varied across the upper region of the plot. </w:t>
      </w:r>
    </w:p>
    <w:p w14:paraId="247C91B9" w14:textId="59EF3867" w:rsidR="0006128B" w:rsidRDefault="0006128B" w:rsidP="00964361"/>
    <w:p w14:paraId="4953AB39" w14:textId="390095B4" w:rsidR="0006128B" w:rsidRDefault="0006128B" w:rsidP="00134186">
      <w:pPr>
        <w:jc w:val="center"/>
      </w:pPr>
      <w:r w:rsidRPr="0006128B">
        <w:rPr>
          <w:noProof/>
        </w:rPr>
        <w:drawing>
          <wp:inline distT="0" distB="0" distL="0" distR="0" wp14:anchorId="243179AA" wp14:editId="1D9ED66A">
            <wp:extent cx="4375150" cy="2916767"/>
            <wp:effectExtent l="0" t="0" r="635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378203" cy="2918802"/>
                    </a:xfrm>
                    <a:prstGeom prst="rect">
                      <a:avLst/>
                    </a:prstGeom>
                    <a:noFill/>
                    <a:ln>
                      <a:noFill/>
                    </a:ln>
                  </pic:spPr>
                </pic:pic>
              </a:graphicData>
            </a:graphic>
          </wp:inline>
        </w:drawing>
      </w:r>
    </w:p>
    <w:p w14:paraId="667BE4A4" w14:textId="74FB731D" w:rsidR="0006128B" w:rsidRDefault="0006128B" w:rsidP="00964361"/>
    <w:p w14:paraId="6D7C0715" w14:textId="03CE4F4D" w:rsidR="0006128B" w:rsidRPr="00C30440" w:rsidRDefault="0006128B" w:rsidP="00964361">
      <w:r>
        <w:t xml:space="preserve">The PLS plot with four components </w:t>
      </w:r>
      <w:r w:rsidR="00134186">
        <w:t>shows</w:t>
      </w:r>
      <w:r>
        <w:t xml:space="preserve"> a more detailed variation than the previous methods of using first and second derivatives for 10 components. There is a wider </w:t>
      </w:r>
      <w:r w:rsidR="00134186">
        <w:t>spread,</w:t>
      </w:r>
      <w:r>
        <w:t xml:space="preserve"> but the data still moves in a linear direction thus showing a subset and less datapoints for cobalt is less perfect. </w:t>
      </w:r>
    </w:p>
    <w:sectPr w:rsidR="0006128B" w:rsidRPr="00C30440">
      <w:footerReference w:type="default" r:id="rId37"/>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8689F54" w14:textId="77777777" w:rsidR="00D83511" w:rsidRDefault="00D83511" w:rsidP="00A22E52">
      <w:r>
        <w:separator/>
      </w:r>
    </w:p>
  </w:endnote>
  <w:endnote w:type="continuationSeparator" w:id="0">
    <w:p w14:paraId="16936CCA" w14:textId="77777777" w:rsidR="00D83511" w:rsidRDefault="00D83511" w:rsidP="00A22E5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877741561"/>
      <w:docPartObj>
        <w:docPartGallery w:val="Page Numbers (Bottom of Page)"/>
        <w:docPartUnique/>
      </w:docPartObj>
    </w:sdtPr>
    <w:sdtEndPr>
      <w:rPr>
        <w:noProof/>
      </w:rPr>
    </w:sdtEndPr>
    <w:sdtContent>
      <w:p w14:paraId="688B2779" w14:textId="7A701E1F" w:rsidR="00A913F7" w:rsidRDefault="00A913F7">
        <w:pPr>
          <w:pStyle w:val="Footer"/>
          <w:jc w:val="right"/>
        </w:pPr>
        <w:r>
          <w:fldChar w:fldCharType="begin"/>
        </w:r>
        <w:r>
          <w:instrText xml:space="preserve"> PAGE   \* MERGEFORMAT </w:instrText>
        </w:r>
        <w:r>
          <w:fldChar w:fldCharType="separate"/>
        </w:r>
        <w:r>
          <w:rPr>
            <w:noProof/>
          </w:rPr>
          <w:t>2</w:t>
        </w:r>
        <w:r>
          <w:rPr>
            <w:noProof/>
          </w:rPr>
          <w:fldChar w:fldCharType="end"/>
        </w:r>
      </w:p>
    </w:sdtContent>
  </w:sdt>
  <w:p w14:paraId="325DC672" w14:textId="77777777" w:rsidR="00A913F7" w:rsidRDefault="00A913F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F5EECB8" w14:textId="77777777" w:rsidR="00D83511" w:rsidRDefault="00D83511" w:rsidP="00A22E52">
      <w:r>
        <w:separator/>
      </w:r>
    </w:p>
  </w:footnote>
  <w:footnote w:type="continuationSeparator" w:id="0">
    <w:p w14:paraId="2E37E613" w14:textId="77777777" w:rsidR="00D83511" w:rsidRDefault="00D83511" w:rsidP="00A22E5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2F70AFF"/>
    <w:multiLevelType w:val="hybridMultilevel"/>
    <w:tmpl w:val="A8961612"/>
    <w:lvl w:ilvl="0" w:tplc="104C7C78">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307F46BE"/>
    <w:multiLevelType w:val="hybridMultilevel"/>
    <w:tmpl w:val="C108FE0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40E37CF3"/>
    <w:multiLevelType w:val="hybridMultilevel"/>
    <w:tmpl w:val="80769BEE"/>
    <w:lvl w:ilvl="0" w:tplc="0809000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 w15:restartNumberingAfterBreak="0">
    <w:nsid w:val="4226718E"/>
    <w:multiLevelType w:val="hybridMultilevel"/>
    <w:tmpl w:val="AB22BE0C"/>
    <w:lvl w:ilvl="0" w:tplc="0809000F">
      <w:start w:val="1"/>
      <w:numFmt w:val="decimal"/>
      <w:lvlText w:val="%1."/>
      <w:lvlJc w:val="left"/>
      <w:pPr>
        <w:ind w:left="720" w:hanging="360"/>
      </w:pPr>
    </w:lvl>
    <w:lvl w:ilvl="1" w:tplc="85DEF5DE">
      <w:start w:val="1"/>
      <w:numFmt w:val="lowerLetter"/>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507C7CA6"/>
    <w:multiLevelType w:val="hybridMultilevel"/>
    <w:tmpl w:val="991EBAD6"/>
    <w:lvl w:ilvl="0" w:tplc="104C7C78">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5E413EF9"/>
    <w:multiLevelType w:val="hybridMultilevel"/>
    <w:tmpl w:val="EFC4B6C8"/>
    <w:lvl w:ilvl="0" w:tplc="A3F46638">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num>
  <w:num w:numId="2">
    <w:abstractNumId w:val="4"/>
  </w:num>
  <w:num w:numId="3">
    <w:abstractNumId w:val="2"/>
  </w:num>
  <w:num w:numId="4">
    <w:abstractNumId w:val="3"/>
  </w:num>
  <w:num w:numId="5">
    <w:abstractNumId w:val="5"/>
  </w:num>
  <w:num w:numId="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22E52"/>
    <w:rsid w:val="0006128B"/>
    <w:rsid w:val="00072C9D"/>
    <w:rsid w:val="000D0227"/>
    <w:rsid w:val="000F3C04"/>
    <w:rsid w:val="00112F60"/>
    <w:rsid w:val="00117E5C"/>
    <w:rsid w:val="00134186"/>
    <w:rsid w:val="00145F77"/>
    <w:rsid w:val="001551CB"/>
    <w:rsid w:val="00157894"/>
    <w:rsid w:val="002248F2"/>
    <w:rsid w:val="00234D66"/>
    <w:rsid w:val="00282045"/>
    <w:rsid w:val="002C6D17"/>
    <w:rsid w:val="00304BEF"/>
    <w:rsid w:val="00316E52"/>
    <w:rsid w:val="00405A3E"/>
    <w:rsid w:val="00425FE8"/>
    <w:rsid w:val="00436812"/>
    <w:rsid w:val="004A3A27"/>
    <w:rsid w:val="005C0853"/>
    <w:rsid w:val="005D6661"/>
    <w:rsid w:val="00602F98"/>
    <w:rsid w:val="00665597"/>
    <w:rsid w:val="00671933"/>
    <w:rsid w:val="006843C1"/>
    <w:rsid w:val="006B5E5F"/>
    <w:rsid w:val="006D1D84"/>
    <w:rsid w:val="006F24FB"/>
    <w:rsid w:val="006F47E7"/>
    <w:rsid w:val="006F5957"/>
    <w:rsid w:val="007151FA"/>
    <w:rsid w:val="007923DD"/>
    <w:rsid w:val="007E071C"/>
    <w:rsid w:val="00802537"/>
    <w:rsid w:val="00827524"/>
    <w:rsid w:val="008645D7"/>
    <w:rsid w:val="00892C28"/>
    <w:rsid w:val="008E7640"/>
    <w:rsid w:val="00964361"/>
    <w:rsid w:val="009A3345"/>
    <w:rsid w:val="009B19AC"/>
    <w:rsid w:val="009D5FC5"/>
    <w:rsid w:val="00A22A3B"/>
    <w:rsid w:val="00A22E52"/>
    <w:rsid w:val="00A73012"/>
    <w:rsid w:val="00A913F7"/>
    <w:rsid w:val="00B342B8"/>
    <w:rsid w:val="00B4611F"/>
    <w:rsid w:val="00B50F9C"/>
    <w:rsid w:val="00B55D02"/>
    <w:rsid w:val="00B74E12"/>
    <w:rsid w:val="00C06775"/>
    <w:rsid w:val="00C30440"/>
    <w:rsid w:val="00C52127"/>
    <w:rsid w:val="00C95068"/>
    <w:rsid w:val="00C95690"/>
    <w:rsid w:val="00CB6FB3"/>
    <w:rsid w:val="00CE1F2E"/>
    <w:rsid w:val="00CE54C4"/>
    <w:rsid w:val="00CE5C33"/>
    <w:rsid w:val="00D45706"/>
    <w:rsid w:val="00D60E8C"/>
    <w:rsid w:val="00D83511"/>
    <w:rsid w:val="00DC3008"/>
    <w:rsid w:val="00E36F33"/>
    <w:rsid w:val="00E877E3"/>
    <w:rsid w:val="00E93312"/>
    <w:rsid w:val="00EE2BE8"/>
    <w:rsid w:val="00F702A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39904F7E"/>
  <w15:chartTrackingRefBased/>
  <w15:docId w15:val="{40617491-2C65-D149-85D0-C03B6C3239E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CE1F2E"/>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A22E52"/>
    <w:pPr>
      <w:tabs>
        <w:tab w:val="center" w:pos="4513"/>
        <w:tab w:val="right" w:pos="9026"/>
      </w:tabs>
    </w:pPr>
  </w:style>
  <w:style w:type="character" w:customStyle="1" w:styleId="HeaderChar">
    <w:name w:val="Header Char"/>
    <w:basedOn w:val="DefaultParagraphFont"/>
    <w:link w:val="Header"/>
    <w:uiPriority w:val="99"/>
    <w:rsid w:val="00A22E52"/>
  </w:style>
  <w:style w:type="paragraph" w:styleId="Footer">
    <w:name w:val="footer"/>
    <w:basedOn w:val="Normal"/>
    <w:link w:val="FooterChar"/>
    <w:uiPriority w:val="99"/>
    <w:unhideWhenUsed/>
    <w:rsid w:val="00A22E52"/>
    <w:pPr>
      <w:tabs>
        <w:tab w:val="center" w:pos="4513"/>
        <w:tab w:val="right" w:pos="9026"/>
      </w:tabs>
    </w:pPr>
  </w:style>
  <w:style w:type="character" w:customStyle="1" w:styleId="FooterChar">
    <w:name w:val="Footer Char"/>
    <w:basedOn w:val="DefaultParagraphFont"/>
    <w:link w:val="Footer"/>
    <w:uiPriority w:val="99"/>
    <w:rsid w:val="00A22E52"/>
  </w:style>
  <w:style w:type="paragraph" w:styleId="ListParagraph">
    <w:name w:val="List Paragraph"/>
    <w:basedOn w:val="Normal"/>
    <w:uiPriority w:val="34"/>
    <w:qFormat/>
    <w:rsid w:val="00E877E3"/>
    <w:pPr>
      <w:ind w:left="720"/>
      <w:contextualSpacing/>
    </w:pPr>
  </w:style>
  <w:style w:type="character" w:styleId="CommentReference">
    <w:name w:val="annotation reference"/>
    <w:basedOn w:val="DefaultParagraphFont"/>
    <w:uiPriority w:val="99"/>
    <w:semiHidden/>
    <w:unhideWhenUsed/>
    <w:rsid w:val="00EE2BE8"/>
    <w:rPr>
      <w:sz w:val="16"/>
      <w:szCs w:val="16"/>
    </w:rPr>
  </w:style>
  <w:style w:type="paragraph" w:styleId="CommentText">
    <w:name w:val="annotation text"/>
    <w:basedOn w:val="Normal"/>
    <w:link w:val="CommentTextChar"/>
    <w:uiPriority w:val="99"/>
    <w:semiHidden/>
    <w:unhideWhenUsed/>
    <w:rsid w:val="00EE2BE8"/>
    <w:rPr>
      <w:sz w:val="20"/>
      <w:szCs w:val="20"/>
    </w:rPr>
  </w:style>
  <w:style w:type="character" w:customStyle="1" w:styleId="CommentTextChar">
    <w:name w:val="Comment Text Char"/>
    <w:basedOn w:val="DefaultParagraphFont"/>
    <w:link w:val="CommentText"/>
    <w:uiPriority w:val="99"/>
    <w:semiHidden/>
    <w:rsid w:val="00EE2BE8"/>
    <w:rPr>
      <w:sz w:val="20"/>
      <w:szCs w:val="20"/>
    </w:rPr>
  </w:style>
  <w:style w:type="paragraph" w:styleId="CommentSubject">
    <w:name w:val="annotation subject"/>
    <w:basedOn w:val="CommentText"/>
    <w:next w:val="CommentText"/>
    <w:link w:val="CommentSubjectChar"/>
    <w:uiPriority w:val="99"/>
    <w:semiHidden/>
    <w:unhideWhenUsed/>
    <w:rsid w:val="00EE2BE8"/>
    <w:rPr>
      <w:b/>
      <w:bCs/>
    </w:rPr>
  </w:style>
  <w:style w:type="character" w:customStyle="1" w:styleId="CommentSubjectChar">
    <w:name w:val="Comment Subject Char"/>
    <w:basedOn w:val="CommentTextChar"/>
    <w:link w:val="CommentSubject"/>
    <w:uiPriority w:val="99"/>
    <w:semiHidden/>
    <w:rsid w:val="00EE2BE8"/>
    <w:rPr>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5884402">
      <w:bodyDiv w:val="1"/>
      <w:marLeft w:val="0"/>
      <w:marRight w:val="0"/>
      <w:marTop w:val="0"/>
      <w:marBottom w:val="0"/>
      <w:divBdr>
        <w:top w:val="none" w:sz="0" w:space="0" w:color="auto"/>
        <w:left w:val="none" w:sz="0" w:space="0" w:color="auto"/>
        <w:bottom w:val="none" w:sz="0" w:space="0" w:color="auto"/>
        <w:right w:val="none" w:sz="0" w:space="0" w:color="auto"/>
      </w:divBdr>
      <w:divsChild>
        <w:div w:id="1034383739">
          <w:marLeft w:val="240"/>
          <w:marRight w:val="90"/>
          <w:marTop w:val="120"/>
          <w:marBottom w:val="75"/>
          <w:divBdr>
            <w:top w:val="single" w:sz="6" w:space="8" w:color="C6C6C6"/>
            <w:left w:val="single" w:sz="6" w:space="12" w:color="C6C6C6"/>
            <w:bottom w:val="single" w:sz="6" w:space="6" w:color="C6C6C6"/>
            <w:right w:val="single" w:sz="6" w:space="12" w:color="C6C6C6"/>
          </w:divBdr>
          <w:divsChild>
            <w:div w:id="470767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20365510">
      <w:bodyDiv w:val="1"/>
      <w:marLeft w:val="0"/>
      <w:marRight w:val="0"/>
      <w:marTop w:val="0"/>
      <w:marBottom w:val="0"/>
      <w:divBdr>
        <w:top w:val="none" w:sz="0" w:space="0" w:color="auto"/>
        <w:left w:val="none" w:sz="0" w:space="0" w:color="auto"/>
        <w:bottom w:val="none" w:sz="0" w:space="0" w:color="auto"/>
        <w:right w:val="none" w:sz="0" w:space="0" w:color="auto"/>
      </w:divBdr>
    </w:div>
    <w:div w:id="678508713">
      <w:bodyDiv w:val="1"/>
      <w:marLeft w:val="0"/>
      <w:marRight w:val="0"/>
      <w:marTop w:val="0"/>
      <w:marBottom w:val="0"/>
      <w:divBdr>
        <w:top w:val="none" w:sz="0" w:space="0" w:color="auto"/>
        <w:left w:val="none" w:sz="0" w:space="0" w:color="auto"/>
        <w:bottom w:val="none" w:sz="0" w:space="0" w:color="auto"/>
        <w:right w:val="none" w:sz="0" w:space="0" w:color="auto"/>
      </w:divBdr>
      <w:divsChild>
        <w:div w:id="994331788">
          <w:marLeft w:val="240"/>
          <w:marRight w:val="90"/>
          <w:marTop w:val="120"/>
          <w:marBottom w:val="75"/>
          <w:divBdr>
            <w:top w:val="single" w:sz="6" w:space="8" w:color="C6C6C6"/>
            <w:left w:val="single" w:sz="6" w:space="12" w:color="C6C6C6"/>
            <w:bottom w:val="single" w:sz="6" w:space="6" w:color="C6C6C6"/>
            <w:right w:val="single" w:sz="6" w:space="12" w:color="C6C6C6"/>
          </w:divBdr>
          <w:divsChild>
            <w:div w:id="18483287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93574751">
      <w:bodyDiv w:val="1"/>
      <w:marLeft w:val="0"/>
      <w:marRight w:val="0"/>
      <w:marTop w:val="0"/>
      <w:marBottom w:val="0"/>
      <w:divBdr>
        <w:top w:val="none" w:sz="0" w:space="0" w:color="auto"/>
        <w:left w:val="none" w:sz="0" w:space="0" w:color="auto"/>
        <w:bottom w:val="none" w:sz="0" w:space="0" w:color="auto"/>
        <w:right w:val="none" w:sz="0" w:space="0" w:color="auto"/>
      </w:divBdr>
      <w:divsChild>
        <w:div w:id="572931065">
          <w:marLeft w:val="240"/>
          <w:marRight w:val="90"/>
          <w:marTop w:val="120"/>
          <w:marBottom w:val="75"/>
          <w:divBdr>
            <w:top w:val="single" w:sz="6" w:space="8" w:color="C6C6C6"/>
            <w:left w:val="single" w:sz="6" w:space="12" w:color="C6C6C6"/>
            <w:bottom w:val="single" w:sz="6" w:space="6" w:color="C6C6C6"/>
            <w:right w:val="single" w:sz="6" w:space="12" w:color="C6C6C6"/>
          </w:divBdr>
          <w:divsChild>
            <w:div w:id="46362063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10022053">
      <w:bodyDiv w:val="1"/>
      <w:marLeft w:val="0"/>
      <w:marRight w:val="0"/>
      <w:marTop w:val="0"/>
      <w:marBottom w:val="0"/>
      <w:divBdr>
        <w:top w:val="none" w:sz="0" w:space="0" w:color="auto"/>
        <w:left w:val="none" w:sz="0" w:space="0" w:color="auto"/>
        <w:bottom w:val="none" w:sz="0" w:space="0" w:color="auto"/>
        <w:right w:val="none" w:sz="0" w:space="0" w:color="auto"/>
      </w:divBdr>
      <w:divsChild>
        <w:div w:id="1600603770">
          <w:marLeft w:val="0"/>
          <w:marRight w:val="0"/>
          <w:marTop w:val="30"/>
          <w:marBottom w:val="0"/>
          <w:divBdr>
            <w:top w:val="none" w:sz="0" w:space="0" w:color="auto"/>
            <w:left w:val="none" w:sz="0" w:space="0" w:color="auto"/>
            <w:bottom w:val="none" w:sz="0" w:space="0" w:color="auto"/>
            <w:right w:val="none" w:sz="0" w:space="0" w:color="auto"/>
          </w:divBdr>
          <w:divsChild>
            <w:div w:id="667635938">
              <w:marLeft w:val="0"/>
              <w:marRight w:val="0"/>
              <w:marTop w:val="0"/>
              <w:marBottom w:val="0"/>
              <w:divBdr>
                <w:top w:val="none" w:sz="0" w:space="0" w:color="auto"/>
                <w:left w:val="none" w:sz="0" w:space="0" w:color="auto"/>
                <w:bottom w:val="none" w:sz="0" w:space="0" w:color="auto"/>
                <w:right w:val="none" w:sz="0" w:space="0" w:color="auto"/>
              </w:divBdr>
            </w:div>
            <w:div w:id="557741437">
              <w:marLeft w:val="0"/>
              <w:marRight w:val="0"/>
              <w:marTop w:val="0"/>
              <w:marBottom w:val="0"/>
              <w:divBdr>
                <w:top w:val="none" w:sz="0" w:space="0" w:color="auto"/>
                <w:left w:val="none" w:sz="0" w:space="0" w:color="auto"/>
                <w:bottom w:val="none" w:sz="0" w:space="0" w:color="auto"/>
                <w:right w:val="none" w:sz="0" w:space="0" w:color="auto"/>
              </w:divBdr>
              <w:divsChild>
                <w:div w:id="1656492406">
                  <w:marLeft w:val="240"/>
                  <w:marRight w:val="90"/>
                  <w:marTop w:val="120"/>
                  <w:marBottom w:val="75"/>
                  <w:divBdr>
                    <w:top w:val="none" w:sz="0" w:space="0" w:color="auto"/>
                    <w:left w:val="none" w:sz="0" w:space="0" w:color="auto"/>
                    <w:bottom w:val="none" w:sz="0" w:space="0" w:color="auto"/>
                    <w:right w:val="none" w:sz="0" w:space="0" w:color="auto"/>
                  </w:divBdr>
                  <w:divsChild>
                    <w:div w:id="337775480">
                      <w:marLeft w:val="0"/>
                      <w:marRight w:val="0"/>
                      <w:marTop w:val="0"/>
                      <w:marBottom w:val="0"/>
                      <w:divBdr>
                        <w:top w:val="none" w:sz="0" w:space="0" w:color="auto"/>
                        <w:left w:val="none" w:sz="0" w:space="0" w:color="auto"/>
                        <w:bottom w:val="none" w:sz="0" w:space="0" w:color="auto"/>
                        <w:right w:val="none" w:sz="0" w:space="0" w:color="auto"/>
                      </w:divBdr>
                    </w:div>
                  </w:divsChild>
                </w:div>
                <w:div w:id="2144885566">
                  <w:marLeft w:val="240"/>
                  <w:marRight w:val="90"/>
                  <w:marTop w:val="120"/>
                  <w:marBottom w:val="75"/>
                  <w:divBdr>
                    <w:top w:val="none" w:sz="0" w:space="0" w:color="auto"/>
                    <w:left w:val="none" w:sz="0" w:space="0" w:color="auto"/>
                    <w:bottom w:val="none" w:sz="0" w:space="0" w:color="auto"/>
                    <w:right w:val="none" w:sz="0" w:space="0" w:color="auto"/>
                  </w:divBdr>
                  <w:divsChild>
                    <w:div w:id="1976986186">
                      <w:marLeft w:val="0"/>
                      <w:marRight w:val="0"/>
                      <w:marTop w:val="0"/>
                      <w:marBottom w:val="0"/>
                      <w:divBdr>
                        <w:top w:val="none" w:sz="0" w:space="0" w:color="auto"/>
                        <w:left w:val="none" w:sz="0" w:space="0" w:color="auto"/>
                        <w:bottom w:val="none" w:sz="0" w:space="0" w:color="auto"/>
                        <w:right w:val="none" w:sz="0" w:space="0" w:color="auto"/>
                      </w:divBdr>
                    </w:div>
                  </w:divsChild>
                </w:div>
                <w:div w:id="1742287813">
                  <w:marLeft w:val="240"/>
                  <w:marRight w:val="90"/>
                  <w:marTop w:val="120"/>
                  <w:marBottom w:val="75"/>
                  <w:divBdr>
                    <w:top w:val="none" w:sz="0" w:space="0" w:color="auto"/>
                    <w:left w:val="none" w:sz="0" w:space="0" w:color="auto"/>
                    <w:bottom w:val="none" w:sz="0" w:space="0" w:color="auto"/>
                    <w:right w:val="none" w:sz="0" w:space="0" w:color="auto"/>
                  </w:divBdr>
                  <w:divsChild>
                    <w:div w:id="2097359120">
                      <w:marLeft w:val="0"/>
                      <w:marRight w:val="0"/>
                      <w:marTop w:val="0"/>
                      <w:marBottom w:val="0"/>
                      <w:divBdr>
                        <w:top w:val="none" w:sz="0" w:space="0" w:color="auto"/>
                        <w:left w:val="none" w:sz="0" w:space="0" w:color="auto"/>
                        <w:bottom w:val="none" w:sz="0" w:space="0" w:color="auto"/>
                        <w:right w:val="none" w:sz="0" w:space="0" w:color="auto"/>
                      </w:divBdr>
                    </w:div>
                  </w:divsChild>
                </w:div>
                <w:div w:id="512650982">
                  <w:marLeft w:val="240"/>
                  <w:marRight w:val="0"/>
                  <w:marTop w:val="120"/>
                  <w:marBottom w:val="0"/>
                  <w:divBdr>
                    <w:top w:val="none" w:sz="0" w:space="0" w:color="auto"/>
                    <w:left w:val="none" w:sz="0" w:space="0" w:color="auto"/>
                    <w:bottom w:val="none" w:sz="0" w:space="0" w:color="auto"/>
                    <w:right w:val="none" w:sz="0" w:space="0" w:color="auto"/>
                  </w:divBdr>
                  <w:divsChild>
                    <w:div w:id="821314796">
                      <w:marLeft w:val="0"/>
                      <w:marRight w:val="0"/>
                      <w:marTop w:val="0"/>
                      <w:marBottom w:val="0"/>
                      <w:divBdr>
                        <w:top w:val="none" w:sz="0" w:space="0" w:color="auto"/>
                        <w:left w:val="none" w:sz="0" w:space="0" w:color="auto"/>
                        <w:bottom w:val="none" w:sz="0" w:space="0" w:color="auto"/>
                        <w:right w:val="none" w:sz="0" w:space="0" w:color="auto"/>
                      </w:divBdr>
                    </w:div>
                  </w:divsChild>
                </w:div>
                <w:div w:id="475151448">
                  <w:marLeft w:val="240"/>
                  <w:marRight w:val="0"/>
                  <w:marTop w:val="120"/>
                  <w:marBottom w:val="0"/>
                  <w:divBdr>
                    <w:top w:val="none" w:sz="0" w:space="0" w:color="auto"/>
                    <w:left w:val="none" w:sz="0" w:space="0" w:color="auto"/>
                    <w:bottom w:val="none" w:sz="0" w:space="0" w:color="auto"/>
                    <w:right w:val="none" w:sz="0" w:space="0" w:color="auto"/>
                  </w:divBdr>
                  <w:divsChild>
                    <w:div w:id="4290138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73024325">
      <w:bodyDiv w:val="1"/>
      <w:marLeft w:val="0"/>
      <w:marRight w:val="0"/>
      <w:marTop w:val="0"/>
      <w:marBottom w:val="0"/>
      <w:divBdr>
        <w:top w:val="none" w:sz="0" w:space="0" w:color="auto"/>
        <w:left w:val="none" w:sz="0" w:space="0" w:color="auto"/>
        <w:bottom w:val="none" w:sz="0" w:space="0" w:color="auto"/>
        <w:right w:val="none" w:sz="0" w:space="0" w:color="auto"/>
      </w:divBdr>
      <w:divsChild>
        <w:div w:id="784351399">
          <w:marLeft w:val="240"/>
          <w:marRight w:val="90"/>
          <w:marTop w:val="120"/>
          <w:marBottom w:val="75"/>
          <w:divBdr>
            <w:top w:val="single" w:sz="6" w:space="8" w:color="C6C6C6"/>
            <w:left w:val="single" w:sz="6" w:space="12" w:color="C6C6C6"/>
            <w:bottom w:val="single" w:sz="6" w:space="6" w:color="C6C6C6"/>
            <w:right w:val="single" w:sz="6" w:space="12" w:color="C6C6C6"/>
          </w:divBdr>
          <w:divsChild>
            <w:div w:id="171588793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23697147">
      <w:bodyDiv w:val="1"/>
      <w:marLeft w:val="0"/>
      <w:marRight w:val="0"/>
      <w:marTop w:val="0"/>
      <w:marBottom w:val="0"/>
      <w:divBdr>
        <w:top w:val="none" w:sz="0" w:space="0" w:color="auto"/>
        <w:left w:val="none" w:sz="0" w:space="0" w:color="auto"/>
        <w:bottom w:val="none" w:sz="0" w:space="0" w:color="auto"/>
        <w:right w:val="none" w:sz="0" w:space="0" w:color="auto"/>
      </w:divBdr>
    </w:div>
    <w:div w:id="1975066278">
      <w:bodyDiv w:val="1"/>
      <w:marLeft w:val="0"/>
      <w:marRight w:val="0"/>
      <w:marTop w:val="0"/>
      <w:marBottom w:val="0"/>
      <w:divBdr>
        <w:top w:val="none" w:sz="0" w:space="0" w:color="auto"/>
        <w:left w:val="none" w:sz="0" w:space="0" w:color="auto"/>
        <w:bottom w:val="none" w:sz="0" w:space="0" w:color="auto"/>
        <w:right w:val="none" w:sz="0" w:space="0" w:color="auto"/>
      </w:divBdr>
    </w:div>
    <w:div w:id="2058160143">
      <w:bodyDiv w:val="1"/>
      <w:marLeft w:val="0"/>
      <w:marRight w:val="0"/>
      <w:marTop w:val="0"/>
      <w:marBottom w:val="0"/>
      <w:divBdr>
        <w:top w:val="none" w:sz="0" w:space="0" w:color="auto"/>
        <w:left w:val="none" w:sz="0" w:space="0" w:color="auto"/>
        <w:bottom w:val="none" w:sz="0" w:space="0" w:color="auto"/>
        <w:right w:val="none" w:sz="0" w:space="0" w:color="auto"/>
      </w:divBdr>
    </w:div>
    <w:div w:id="2100370136">
      <w:bodyDiv w:val="1"/>
      <w:marLeft w:val="0"/>
      <w:marRight w:val="0"/>
      <w:marTop w:val="0"/>
      <w:marBottom w:val="0"/>
      <w:divBdr>
        <w:top w:val="none" w:sz="0" w:space="0" w:color="auto"/>
        <w:left w:val="none" w:sz="0" w:space="0" w:color="auto"/>
        <w:bottom w:val="none" w:sz="0" w:space="0" w:color="auto"/>
        <w:right w:val="none" w:sz="0" w:space="0" w:color="auto"/>
      </w:divBdr>
      <w:divsChild>
        <w:div w:id="1043940870">
          <w:marLeft w:val="0"/>
          <w:marRight w:val="0"/>
          <w:marTop w:val="30"/>
          <w:marBottom w:val="0"/>
          <w:divBdr>
            <w:top w:val="none" w:sz="0" w:space="0" w:color="auto"/>
            <w:left w:val="none" w:sz="0" w:space="0" w:color="auto"/>
            <w:bottom w:val="none" w:sz="0" w:space="0" w:color="auto"/>
            <w:right w:val="none" w:sz="0" w:space="0" w:color="auto"/>
          </w:divBdr>
          <w:divsChild>
            <w:div w:id="2051880483">
              <w:marLeft w:val="0"/>
              <w:marRight w:val="0"/>
              <w:marTop w:val="0"/>
              <w:marBottom w:val="0"/>
              <w:divBdr>
                <w:top w:val="none" w:sz="0" w:space="0" w:color="auto"/>
                <w:left w:val="none" w:sz="0" w:space="0" w:color="auto"/>
                <w:bottom w:val="none" w:sz="0" w:space="0" w:color="auto"/>
                <w:right w:val="none" w:sz="0" w:space="0" w:color="auto"/>
              </w:divBdr>
            </w:div>
            <w:div w:id="743144635">
              <w:marLeft w:val="0"/>
              <w:marRight w:val="0"/>
              <w:marTop w:val="0"/>
              <w:marBottom w:val="0"/>
              <w:divBdr>
                <w:top w:val="none" w:sz="0" w:space="0" w:color="auto"/>
                <w:left w:val="none" w:sz="0" w:space="0" w:color="auto"/>
                <w:bottom w:val="none" w:sz="0" w:space="0" w:color="auto"/>
                <w:right w:val="none" w:sz="0" w:space="0" w:color="auto"/>
              </w:divBdr>
              <w:divsChild>
                <w:div w:id="205064795">
                  <w:marLeft w:val="240"/>
                  <w:marRight w:val="90"/>
                  <w:marTop w:val="120"/>
                  <w:marBottom w:val="75"/>
                  <w:divBdr>
                    <w:top w:val="none" w:sz="0" w:space="0" w:color="auto"/>
                    <w:left w:val="none" w:sz="0" w:space="0" w:color="auto"/>
                    <w:bottom w:val="none" w:sz="0" w:space="0" w:color="auto"/>
                    <w:right w:val="none" w:sz="0" w:space="0" w:color="auto"/>
                  </w:divBdr>
                  <w:divsChild>
                    <w:div w:id="1842698766">
                      <w:marLeft w:val="0"/>
                      <w:marRight w:val="0"/>
                      <w:marTop w:val="0"/>
                      <w:marBottom w:val="0"/>
                      <w:divBdr>
                        <w:top w:val="none" w:sz="0" w:space="0" w:color="auto"/>
                        <w:left w:val="none" w:sz="0" w:space="0" w:color="auto"/>
                        <w:bottom w:val="none" w:sz="0" w:space="0" w:color="auto"/>
                        <w:right w:val="none" w:sz="0" w:space="0" w:color="auto"/>
                      </w:divBdr>
                    </w:div>
                  </w:divsChild>
                </w:div>
                <w:div w:id="746614612">
                  <w:marLeft w:val="240"/>
                  <w:marRight w:val="90"/>
                  <w:marTop w:val="120"/>
                  <w:marBottom w:val="75"/>
                  <w:divBdr>
                    <w:top w:val="none" w:sz="0" w:space="0" w:color="auto"/>
                    <w:left w:val="none" w:sz="0" w:space="0" w:color="auto"/>
                    <w:bottom w:val="none" w:sz="0" w:space="0" w:color="auto"/>
                    <w:right w:val="none" w:sz="0" w:space="0" w:color="auto"/>
                  </w:divBdr>
                  <w:divsChild>
                    <w:div w:id="1084568190">
                      <w:marLeft w:val="0"/>
                      <w:marRight w:val="0"/>
                      <w:marTop w:val="0"/>
                      <w:marBottom w:val="0"/>
                      <w:divBdr>
                        <w:top w:val="none" w:sz="0" w:space="0" w:color="auto"/>
                        <w:left w:val="none" w:sz="0" w:space="0" w:color="auto"/>
                        <w:bottom w:val="none" w:sz="0" w:space="0" w:color="auto"/>
                        <w:right w:val="none" w:sz="0" w:space="0" w:color="auto"/>
                      </w:divBdr>
                    </w:div>
                  </w:divsChild>
                </w:div>
                <w:div w:id="1925914847">
                  <w:marLeft w:val="240"/>
                  <w:marRight w:val="90"/>
                  <w:marTop w:val="120"/>
                  <w:marBottom w:val="75"/>
                  <w:divBdr>
                    <w:top w:val="none" w:sz="0" w:space="0" w:color="auto"/>
                    <w:left w:val="none" w:sz="0" w:space="0" w:color="auto"/>
                    <w:bottom w:val="none" w:sz="0" w:space="0" w:color="auto"/>
                    <w:right w:val="none" w:sz="0" w:space="0" w:color="auto"/>
                  </w:divBdr>
                  <w:divsChild>
                    <w:div w:id="573513036">
                      <w:marLeft w:val="0"/>
                      <w:marRight w:val="0"/>
                      <w:marTop w:val="0"/>
                      <w:marBottom w:val="0"/>
                      <w:divBdr>
                        <w:top w:val="none" w:sz="0" w:space="0" w:color="auto"/>
                        <w:left w:val="none" w:sz="0" w:space="0" w:color="auto"/>
                        <w:bottom w:val="none" w:sz="0" w:space="0" w:color="auto"/>
                        <w:right w:val="none" w:sz="0" w:space="0" w:color="auto"/>
                      </w:divBdr>
                    </w:div>
                  </w:divsChild>
                </w:div>
                <w:div w:id="603922436">
                  <w:marLeft w:val="240"/>
                  <w:marRight w:val="0"/>
                  <w:marTop w:val="120"/>
                  <w:marBottom w:val="0"/>
                  <w:divBdr>
                    <w:top w:val="none" w:sz="0" w:space="0" w:color="auto"/>
                    <w:left w:val="none" w:sz="0" w:space="0" w:color="auto"/>
                    <w:bottom w:val="none" w:sz="0" w:space="0" w:color="auto"/>
                    <w:right w:val="none" w:sz="0" w:space="0" w:color="auto"/>
                  </w:divBdr>
                  <w:divsChild>
                    <w:div w:id="429473337">
                      <w:marLeft w:val="0"/>
                      <w:marRight w:val="0"/>
                      <w:marTop w:val="0"/>
                      <w:marBottom w:val="0"/>
                      <w:divBdr>
                        <w:top w:val="none" w:sz="0" w:space="0" w:color="auto"/>
                        <w:left w:val="none" w:sz="0" w:space="0" w:color="auto"/>
                        <w:bottom w:val="none" w:sz="0" w:space="0" w:color="auto"/>
                        <w:right w:val="none" w:sz="0" w:space="0" w:color="auto"/>
                      </w:divBdr>
                    </w:div>
                  </w:divsChild>
                </w:div>
                <w:div w:id="664018704">
                  <w:marLeft w:val="240"/>
                  <w:marRight w:val="0"/>
                  <w:marTop w:val="120"/>
                  <w:marBottom w:val="0"/>
                  <w:divBdr>
                    <w:top w:val="none" w:sz="0" w:space="0" w:color="auto"/>
                    <w:left w:val="none" w:sz="0" w:space="0" w:color="auto"/>
                    <w:bottom w:val="none" w:sz="0" w:space="0" w:color="auto"/>
                    <w:right w:val="none" w:sz="0" w:space="0" w:color="auto"/>
                  </w:divBdr>
                  <w:divsChild>
                    <w:div w:id="13314508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7.png"/><Relationship Id="rId18" Type="http://schemas.openxmlformats.org/officeDocument/2006/relationships/image" Target="media/image11.emf"/><Relationship Id="rId26" Type="http://schemas.openxmlformats.org/officeDocument/2006/relationships/image" Target="media/image18.emf"/><Relationship Id="rId39" Type="http://schemas.openxmlformats.org/officeDocument/2006/relationships/theme" Target="theme/theme1.xml"/><Relationship Id="rId21" Type="http://schemas.openxmlformats.org/officeDocument/2006/relationships/image" Target="media/image14.png"/><Relationship Id="rId34" Type="http://schemas.openxmlformats.org/officeDocument/2006/relationships/image" Target="media/image25.pn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0.emf"/><Relationship Id="rId25" Type="http://schemas.openxmlformats.org/officeDocument/2006/relationships/image" Target="media/image17.emf"/><Relationship Id="rId33" Type="http://schemas.openxmlformats.org/officeDocument/2006/relationships/image" Target="media/image24.emf"/><Relationship Id="rId38"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1.emf"/><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emf"/><Relationship Id="rId24" Type="http://schemas.openxmlformats.org/officeDocument/2006/relationships/image" Target="media/image16.emf"/><Relationship Id="rId32" Type="http://schemas.openxmlformats.org/officeDocument/2006/relationships/image" Target="media/image23.png"/><Relationship Id="rId37"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image" Target="media/image8.png"/><Relationship Id="rId23" Type="http://schemas.openxmlformats.org/officeDocument/2006/relationships/chart" Target="charts/chart2.xml"/><Relationship Id="rId28" Type="http://schemas.openxmlformats.org/officeDocument/2006/relationships/image" Target="media/image20.emf"/><Relationship Id="rId36" Type="http://schemas.openxmlformats.org/officeDocument/2006/relationships/image" Target="media/image27.emf"/><Relationship Id="rId10" Type="http://schemas.openxmlformats.org/officeDocument/2006/relationships/image" Target="media/image4.emf"/><Relationship Id="rId19" Type="http://schemas.openxmlformats.org/officeDocument/2006/relationships/image" Target="media/image12.png"/><Relationship Id="rId31" Type="http://schemas.openxmlformats.org/officeDocument/2006/relationships/image" Target="media/image22.png"/><Relationship Id="rId4" Type="http://schemas.openxmlformats.org/officeDocument/2006/relationships/webSettings" Target="webSettings.xml"/><Relationship Id="rId9" Type="http://schemas.openxmlformats.org/officeDocument/2006/relationships/image" Target="media/image3.emf"/><Relationship Id="rId14" Type="http://schemas.openxmlformats.org/officeDocument/2006/relationships/chart" Target="charts/chart1.xml"/><Relationship Id="rId22" Type="http://schemas.openxmlformats.org/officeDocument/2006/relationships/image" Target="media/image15.png"/><Relationship Id="rId27" Type="http://schemas.openxmlformats.org/officeDocument/2006/relationships/image" Target="media/image19.emf"/><Relationship Id="rId30" Type="http://schemas.openxmlformats.org/officeDocument/2006/relationships/chart" Target="charts/chart3.xml"/><Relationship Id="rId35" Type="http://schemas.openxmlformats.org/officeDocument/2006/relationships/image" Target="media/image26.emf"/><Relationship Id="rId8" Type="http://schemas.openxmlformats.org/officeDocument/2006/relationships/image" Target="media/image2.emf"/><Relationship Id="rId3" Type="http://schemas.openxmlformats.org/officeDocument/2006/relationships/settings" Target="settings.xml"/></Relationships>
</file>

<file path=word/charts/_rels/chart1.xml.rels><?xml version="1.0" encoding="UTF-8" standalone="yes"?>
<Relationships xmlns="http://schemas.openxmlformats.org/package/2006/relationships"><Relationship Id="rId3" Type="http://schemas.openxmlformats.org/officeDocument/2006/relationships/oleObject" Target="file:///\\rmit.internal\USRHome\sh2\s3814662\Configuration\Desktop\Environmental%20Data\Assignment_%20Environmental%20Data.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rmit.internal\USRHome\sh2\s3814662\Configuration\Desktop\Environmental%20Data\Assignment_%20Environmental%20Data.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rmit.internal\USRHome\sh2\s3814662\Configuration\Desktop\Environmental%20Data\Assignment_%20Environmental%20Data.xlsx" TargetMode="External"/><Relationship Id="rId2" Type="http://schemas.microsoft.com/office/2011/relationships/chartColorStyle" Target="colors3.xml"/><Relationship Id="rId1" Type="http://schemas.microsoft.com/office/2011/relationships/chartStyle" Target="styl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AU"/>
              <a:t>Centroids Plot</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cked"/>
        <c:varyColors val="0"/>
        <c:ser>
          <c:idx val="0"/>
          <c:order val="0"/>
          <c:tx>
            <c:v>Sucrose</c:v>
          </c:tx>
          <c:spPr>
            <a:ln w="28575" cap="rnd">
              <a:solidFill>
                <a:schemeClr val="accent1"/>
              </a:solidFill>
              <a:round/>
            </a:ln>
            <a:effectLst/>
          </c:spPr>
          <c:marker>
            <c:symbol val="circle"/>
            <c:size val="5"/>
            <c:spPr>
              <a:solidFill>
                <a:schemeClr val="accent1"/>
              </a:solidFill>
              <a:ln w="9525">
                <a:solidFill>
                  <a:schemeClr val="accent1"/>
                </a:solidFill>
              </a:ln>
              <a:effectLst/>
            </c:spPr>
          </c:marker>
          <c:val>
            <c:numRef>
              <c:f>'Part 1'!$L$11:$L$13</c:f>
              <c:numCache>
                <c:formatCode>General</c:formatCode>
                <c:ptCount val="3"/>
                <c:pt idx="0">
                  <c:v>27.2</c:v>
                </c:pt>
                <c:pt idx="1">
                  <c:v>9.6</c:v>
                </c:pt>
                <c:pt idx="2">
                  <c:v>10.6</c:v>
                </c:pt>
              </c:numCache>
            </c:numRef>
          </c:val>
          <c:smooth val="0"/>
          <c:extLst>
            <c:ext xmlns:c16="http://schemas.microsoft.com/office/drawing/2014/chart" uri="{C3380CC4-5D6E-409C-BE32-E72D297353CC}">
              <c16:uniqueId val="{00000000-16CE-4C98-B4C9-C5F3BB905150}"/>
            </c:ext>
          </c:extLst>
        </c:ser>
        <c:ser>
          <c:idx val="1"/>
          <c:order val="1"/>
          <c:tx>
            <c:v>Glucose</c:v>
          </c:tx>
          <c:spPr>
            <a:ln w="28575" cap="rnd">
              <a:solidFill>
                <a:schemeClr val="accent2"/>
              </a:solidFill>
              <a:round/>
            </a:ln>
            <a:effectLst/>
          </c:spPr>
          <c:marker>
            <c:symbol val="circle"/>
            <c:size val="5"/>
            <c:spPr>
              <a:solidFill>
                <a:schemeClr val="accent2"/>
              </a:solidFill>
              <a:ln w="9525">
                <a:solidFill>
                  <a:schemeClr val="accent2"/>
                </a:solidFill>
              </a:ln>
              <a:effectLst/>
            </c:spPr>
          </c:marker>
          <c:val>
            <c:numRef>
              <c:f>'Part 1'!$M$11:$M$13</c:f>
              <c:numCache>
                <c:formatCode>General</c:formatCode>
                <c:ptCount val="3"/>
                <c:pt idx="0">
                  <c:v>9.6</c:v>
                </c:pt>
                <c:pt idx="1">
                  <c:v>21.6</c:v>
                </c:pt>
                <c:pt idx="2">
                  <c:v>18.399999999999999</c:v>
                </c:pt>
              </c:numCache>
            </c:numRef>
          </c:val>
          <c:smooth val="0"/>
          <c:extLst>
            <c:ext xmlns:c16="http://schemas.microsoft.com/office/drawing/2014/chart" uri="{C3380CC4-5D6E-409C-BE32-E72D297353CC}">
              <c16:uniqueId val="{00000001-16CE-4C98-B4C9-C5F3BB905150}"/>
            </c:ext>
          </c:extLst>
        </c:ser>
        <c:ser>
          <c:idx val="2"/>
          <c:order val="2"/>
          <c:tx>
            <c:v>Fructose</c:v>
          </c:tx>
          <c:spPr>
            <a:ln w="28575" cap="rnd">
              <a:solidFill>
                <a:schemeClr val="accent3"/>
              </a:solidFill>
              <a:round/>
            </a:ln>
            <a:effectLst/>
          </c:spPr>
          <c:marker>
            <c:symbol val="circle"/>
            <c:size val="5"/>
            <c:spPr>
              <a:solidFill>
                <a:schemeClr val="accent3"/>
              </a:solidFill>
              <a:ln w="9525">
                <a:solidFill>
                  <a:schemeClr val="accent3"/>
                </a:solidFill>
              </a:ln>
              <a:effectLst/>
            </c:spPr>
          </c:marker>
          <c:val>
            <c:numRef>
              <c:f>'Part 1'!$N$11:$N$13</c:f>
              <c:numCache>
                <c:formatCode>General</c:formatCode>
                <c:ptCount val="3"/>
                <c:pt idx="0">
                  <c:v>44.6</c:v>
                </c:pt>
                <c:pt idx="1">
                  <c:v>49</c:v>
                </c:pt>
                <c:pt idx="2">
                  <c:v>62.6</c:v>
                </c:pt>
              </c:numCache>
            </c:numRef>
          </c:val>
          <c:smooth val="0"/>
          <c:extLst>
            <c:ext xmlns:c16="http://schemas.microsoft.com/office/drawing/2014/chart" uri="{C3380CC4-5D6E-409C-BE32-E72D297353CC}">
              <c16:uniqueId val="{00000002-16CE-4C98-B4C9-C5F3BB905150}"/>
            </c:ext>
          </c:extLst>
        </c:ser>
        <c:ser>
          <c:idx val="3"/>
          <c:order val="3"/>
          <c:tx>
            <c:v>Sorbitol</c:v>
          </c:tx>
          <c:spPr>
            <a:ln w="28575" cap="rnd">
              <a:solidFill>
                <a:schemeClr val="accent4"/>
              </a:solidFill>
              <a:round/>
            </a:ln>
            <a:effectLst/>
          </c:spPr>
          <c:marker>
            <c:symbol val="circle"/>
            <c:size val="5"/>
            <c:spPr>
              <a:solidFill>
                <a:schemeClr val="accent4"/>
              </a:solidFill>
              <a:ln w="9525">
                <a:solidFill>
                  <a:schemeClr val="accent4"/>
                </a:solidFill>
              </a:ln>
              <a:effectLst/>
            </c:spPr>
          </c:marker>
          <c:val>
            <c:numRef>
              <c:f>'Part 1'!$O$11:$O$13</c:f>
              <c:numCache>
                <c:formatCode>General</c:formatCode>
                <c:ptCount val="3"/>
                <c:pt idx="0">
                  <c:v>3.96</c:v>
                </c:pt>
                <c:pt idx="1">
                  <c:v>4.0600000000000005</c:v>
                </c:pt>
                <c:pt idx="2">
                  <c:v>4.9000000000000004</c:v>
                </c:pt>
              </c:numCache>
            </c:numRef>
          </c:val>
          <c:smooth val="0"/>
          <c:extLst>
            <c:ext xmlns:c16="http://schemas.microsoft.com/office/drawing/2014/chart" uri="{C3380CC4-5D6E-409C-BE32-E72D297353CC}">
              <c16:uniqueId val="{00000003-16CE-4C98-B4C9-C5F3BB905150}"/>
            </c:ext>
          </c:extLst>
        </c:ser>
        <c:dLbls>
          <c:showLegendKey val="0"/>
          <c:showVal val="0"/>
          <c:showCatName val="0"/>
          <c:showSerName val="0"/>
          <c:showPercent val="0"/>
          <c:showBubbleSize val="0"/>
        </c:dLbls>
        <c:marker val="1"/>
        <c:smooth val="0"/>
        <c:axId val="1899094512"/>
        <c:axId val="1899098672"/>
      </c:lineChart>
      <c:catAx>
        <c:axId val="1899094512"/>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Averag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99098672"/>
        <c:crosses val="autoZero"/>
        <c:auto val="0"/>
        <c:lblAlgn val="ctr"/>
        <c:lblOffset val="100"/>
        <c:noMultiLvlLbl val="0"/>
      </c:catAx>
      <c:valAx>
        <c:axId val="1899098672"/>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99094512"/>
        <c:crossesAt val="1"/>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zero"/>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AU"/>
              <a:t>Spectra</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0813950061055204"/>
          <c:y val="0.13921908893709328"/>
          <c:w val="0.84683376142153366"/>
          <c:h val="0.6811570191470101"/>
        </c:manualLayout>
      </c:layout>
      <c:scatterChart>
        <c:scatterStyle val="smoothMarker"/>
        <c:varyColors val="0"/>
        <c:ser>
          <c:idx val="0"/>
          <c:order val="0"/>
          <c:tx>
            <c:strRef>
              <c:f>'Part 3'!$K$29</c:f>
              <c:strCache>
                <c:ptCount val="1"/>
                <c:pt idx="0">
                  <c:v>Sample 1</c:v>
                </c:pt>
              </c:strCache>
            </c:strRef>
          </c:tx>
          <c:spPr>
            <a:ln w="19050" cap="rnd">
              <a:solidFill>
                <a:schemeClr val="accent1"/>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29:$GD$29</c:f>
              <c:numCache>
                <c:formatCode>General</c:formatCode>
                <c:ptCount val="175"/>
                <c:pt idx="0">
                  <c:v>1.6878403750000007E-2</c:v>
                </c:pt>
                <c:pt idx="1">
                  <c:v>1.7968155419999993E-2</c:v>
                </c:pt>
                <c:pt idx="2">
                  <c:v>1.9068770129999996E-2</c:v>
                </c:pt>
                <c:pt idx="3">
                  <c:v>1.9907116850000003E-2</c:v>
                </c:pt>
                <c:pt idx="4">
                  <c:v>2.164711054E-2</c:v>
                </c:pt>
                <c:pt idx="5">
                  <c:v>2.3134909580000002E-2</c:v>
                </c:pt>
                <c:pt idx="6">
                  <c:v>2.5019586070000002E-2</c:v>
                </c:pt>
                <c:pt idx="7">
                  <c:v>2.7324661600000008E-2</c:v>
                </c:pt>
                <c:pt idx="8">
                  <c:v>2.9312357260000005E-2</c:v>
                </c:pt>
                <c:pt idx="9">
                  <c:v>3.1874060629999992E-2</c:v>
                </c:pt>
                <c:pt idx="10">
                  <c:v>3.460983929E-2</c:v>
                </c:pt>
                <c:pt idx="11">
                  <c:v>3.7662804139999992E-2</c:v>
                </c:pt>
                <c:pt idx="12">
                  <c:v>4.103738065000001E-2</c:v>
                </c:pt>
                <c:pt idx="13">
                  <c:v>4.4588327429999991E-2</c:v>
                </c:pt>
                <c:pt idx="14">
                  <c:v>4.8968777090000012E-2</c:v>
                </c:pt>
                <c:pt idx="15">
                  <c:v>5.352587252999999E-2</c:v>
                </c:pt>
                <c:pt idx="16">
                  <c:v>5.8313667810000011E-2</c:v>
                </c:pt>
                <c:pt idx="17">
                  <c:v>6.3703522129999995E-2</c:v>
                </c:pt>
                <c:pt idx="18">
                  <c:v>6.9677904210000002E-2</c:v>
                </c:pt>
                <c:pt idx="19">
                  <c:v>7.6218604999999995E-2</c:v>
                </c:pt>
                <c:pt idx="20">
                  <c:v>8.3106480600000004E-2</c:v>
                </c:pt>
                <c:pt idx="21">
                  <c:v>9.0678602499999997E-2</c:v>
                </c:pt>
                <c:pt idx="22">
                  <c:v>9.9199309900000004E-2</c:v>
                </c:pt>
                <c:pt idx="23">
                  <c:v>0.10833023480000001</c:v>
                </c:pt>
                <c:pt idx="24">
                  <c:v>0.11817552149999999</c:v>
                </c:pt>
                <c:pt idx="25">
                  <c:v>0.12948481740000001</c:v>
                </c:pt>
                <c:pt idx="26">
                  <c:v>0.14178317779999999</c:v>
                </c:pt>
                <c:pt idx="27">
                  <c:v>0.15513060239999998</c:v>
                </c:pt>
                <c:pt idx="28">
                  <c:v>0.17039988190000002</c:v>
                </c:pt>
                <c:pt idx="29">
                  <c:v>0.18680515879999998</c:v>
                </c:pt>
                <c:pt idx="30">
                  <c:v>0.20420862740000001</c:v>
                </c:pt>
                <c:pt idx="31">
                  <c:v>0.22241597620000003</c:v>
                </c:pt>
                <c:pt idx="32">
                  <c:v>0.24050607530000001</c:v>
                </c:pt>
                <c:pt idx="33">
                  <c:v>0.25810643290000002</c:v>
                </c:pt>
                <c:pt idx="34">
                  <c:v>0.27443898469999994</c:v>
                </c:pt>
                <c:pt idx="35">
                  <c:v>0.28859687590000005</c:v>
                </c:pt>
                <c:pt idx="36">
                  <c:v>0.3006288037</c:v>
                </c:pt>
                <c:pt idx="37">
                  <c:v>0.31098362060000001</c:v>
                </c:pt>
                <c:pt idx="38">
                  <c:v>0.31945902100000001</c:v>
                </c:pt>
                <c:pt idx="39">
                  <c:v>0.32724563039999999</c:v>
                </c:pt>
                <c:pt idx="40">
                  <c:v>0.33441838620000003</c:v>
                </c:pt>
                <c:pt idx="41">
                  <c:v>0.34147346019999997</c:v>
                </c:pt>
                <c:pt idx="42">
                  <c:v>0.34916030610000004</c:v>
                </c:pt>
                <c:pt idx="43">
                  <c:v>0.35667640720000005</c:v>
                </c:pt>
                <c:pt idx="44">
                  <c:v>0.36431314050000002</c:v>
                </c:pt>
                <c:pt idx="45">
                  <c:v>0.37206684800000001</c:v>
                </c:pt>
                <c:pt idx="46">
                  <c:v>0.37927377969999998</c:v>
                </c:pt>
                <c:pt idx="47">
                  <c:v>0.38596831259999997</c:v>
                </c:pt>
                <c:pt idx="48">
                  <c:v>0.39229533820000001</c:v>
                </c:pt>
                <c:pt idx="49">
                  <c:v>0.39772017299999995</c:v>
                </c:pt>
                <c:pt idx="50">
                  <c:v>0.40214183190000002</c:v>
                </c:pt>
                <c:pt idx="51">
                  <c:v>0.40581012519999998</c:v>
                </c:pt>
                <c:pt idx="52">
                  <c:v>0.40795420110000002</c:v>
                </c:pt>
                <c:pt idx="53">
                  <c:v>0.40910642600000002</c:v>
                </c:pt>
                <c:pt idx="54">
                  <c:v>0.40930045400000004</c:v>
                </c:pt>
                <c:pt idx="55">
                  <c:v>0.40796695640000002</c:v>
                </c:pt>
                <c:pt idx="56">
                  <c:v>0.40634123230000008</c:v>
                </c:pt>
                <c:pt idx="57">
                  <c:v>0.40451276299999994</c:v>
                </c:pt>
                <c:pt idx="58">
                  <c:v>0.40322840960000006</c:v>
                </c:pt>
                <c:pt idx="59">
                  <c:v>0.40234994890000009</c:v>
                </c:pt>
                <c:pt idx="60">
                  <c:v>0.40189864489999994</c:v>
                </c:pt>
                <c:pt idx="61">
                  <c:v>0.40181088450000002</c:v>
                </c:pt>
                <c:pt idx="62">
                  <c:v>0.40250065920000005</c:v>
                </c:pt>
                <c:pt idx="63">
                  <c:v>0.40393424030000002</c:v>
                </c:pt>
                <c:pt idx="64">
                  <c:v>0.40563566230000003</c:v>
                </c:pt>
                <c:pt idx="65">
                  <c:v>0.40862054380000001</c:v>
                </c:pt>
                <c:pt idx="66">
                  <c:v>0.41239747399999993</c:v>
                </c:pt>
                <c:pt idx="67">
                  <c:v>0.41690118610000004</c:v>
                </c:pt>
                <c:pt idx="68">
                  <c:v>0.42340457440000001</c:v>
                </c:pt>
                <c:pt idx="69">
                  <c:v>0.43059534570000002</c:v>
                </c:pt>
                <c:pt idx="70">
                  <c:v>0.43998431420000006</c:v>
                </c:pt>
                <c:pt idx="71">
                  <c:v>0.45079203690000003</c:v>
                </c:pt>
                <c:pt idx="72">
                  <c:v>0.46369651710000004</c:v>
                </c:pt>
                <c:pt idx="73">
                  <c:v>0.47873499990000001</c:v>
                </c:pt>
                <c:pt idx="74">
                  <c:v>0.49568469079999994</c:v>
                </c:pt>
                <c:pt idx="75">
                  <c:v>0.51467040919999996</c:v>
                </c:pt>
                <c:pt idx="76">
                  <c:v>0.53480486569999997</c:v>
                </c:pt>
                <c:pt idx="77">
                  <c:v>0.55685958260000001</c:v>
                </c:pt>
                <c:pt idx="78">
                  <c:v>0.57974771410000003</c:v>
                </c:pt>
                <c:pt idx="79">
                  <c:v>0.60411054639999995</c:v>
                </c:pt>
                <c:pt idx="80">
                  <c:v>0.6284210831</c:v>
                </c:pt>
                <c:pt idx="81">
                  <c:v>0.65269928420000001</c:v>
                </c:pt>
                <c:pt idx="82">
                  <c:v>0.67756497110000002</c:v>
                </c:pt>
                <c:pt idx="83">
                  <c:v>0.70135686549999998</c:v>
                </c:pt>
                <c:pt idx="84">
                  <c:v>0.72443585839999991</c:v>
                </c:pt>
                <c:pt idx="85">
                  <c:v>0.74600797890000003</c:v>
                </c:pt>
                <c:pt idx="86">
                  <c:v>0.76539655770000004</c:v>
                </c:pt>
                <c:pt idx="87">
                  <c:v>0.78255877640000004</c:v>
                </c:pt>
                <c:pt idx="88">
                  <c:v>0.79660935699999991</c:v>
                </c:pt>
                <c:pt idx="89">
                  <c:v>0.80751630669999996</c:v>
                </c:pt>
                <c:pt idx="90">
                  <c:v>0.8141989932</c:v>
                </c:pt>
                <c:pt idx="91">
                  <c:v>0.817941688</c:v>
                </c:pt>
                <c:pt idx="92">
                  <c:v>0.81822292509999994</c:v>
                </c:pt>
                <c:pt idx="93">
                  <c:v>0.81465187669999994</c:v>
                </c:pt>
                <c:pt idx="94">
                  <c:v>0.80822736029999998</c:v>
                </c:pt>
                <c:pt idx="95">
                  <c:v>0.79884120820000004</c:v>
                </c:pt>
                <c:pt idx="96">
                  <c:v>0.78645086289999999</c:v>
                </c:pt>
                <c:pt idx="97">
                  <c:v>0.77151198679999999</c:v>
                </c:pt>
                <c:pt idx="98">
                  <c:v>0.75484524670000008</c:v>
                </c:pt>
                <c:pt idx="99">
                  <c:v>0.73589992520000003</c:v>
                </c:pt>
                <c:pt idx="100">
                  <c:v>0.71546752759999999</c:v>
                </c:pt>
                <c:pt idx="101">
                  <c:v>0.69366428999999996</c:v>
                </c:pt>
                <c:pt idx="102">
                  <c:v>0.67079919580000003</c:v>
                </c:pt>
                <c:pt idx="103">
                  <c:v>0.64678871640000002</c:v>
                </c:pt>
                <c:pt idx="104">
                  <c:v>0.62247909609999996</c:v>
                </c:pt>
                <c:pt idx="105">
                  <c:v>0.59824798999999995</c:v>
                </c:pt>
                <c:pt idx="106">
                  <c:v>0.57404921949999999</c:v>
                </c:pt>
                <c:pt idx="107">
                  <c:v>0.55061474440000002</c:v>
                </c:pt>
                <c:pt idx="108">
                  <c:v>0.52773432440000001</c:v>
                </c:pt>
                <c:pt idx="109">
                  <c:v>0.50461566450000006</c:v>
                </c:pt>
                <c:pt idx="110">
                  <c:v>0.48227438330000005</c:v>
                </c:pt>
                <c:pt idx="111">
                  <c:v>0.46014419200000006</c:v>
                </c:pt>
                <c:pt idx="112">
                  <c:v>0.43768389519999995</c:v>
                </c:pt>
                <c:pt idx="113">
                  <c:v>0.41570070379999996</c:v>
                </c:pt>
                <c:pt idx="114">
                  <c:v>0.39354071019999992</c:v>
                </c:pt>
                <c:pt idx="115">
                  <c:v>0.3718763142</c:v>
                </c:pt>
                <c:pt idx="116">
                  <c:v>0.35110709070000001</c:v>
                </c:pt>
                <c:pt idx="117">
                  <c:v>0.3305149228</c:v>
                </c:pt>
                <c:pt idx="118">
                  <c:v>0.31097967929999998</c:v>
                </c:pt>
                <c:pt idx="119">
                  <c:v>0.29088631279999999</c:v>
                </c:pt>
                <c:pt idx="120">
                  <c:v>0.27176240090000003</c:v>
                </c:pt>
                <c:pt idx="121">
                  <c:v>0.25479514889999999</c:v>
                </c:pt>
                <c:pt idx="122">
                  <c:v>0.23776835210000002</c:v>
                </c:pt>
                <c:pt idx="123">
                  <c:v>0.22190184890000003</c:v>
                </c:pt>
                <c:pt idx="124">
                  <c:v>0.2065381557</c:v>
                </c:pt>
                <c:pt idx="125">
                  <c:v>0.19210343060000001</c:v>
                </c:pt>
                <c:pt idx="126">
                  <c:v>0.17794819179999996</c:v>
                </c:pt>
                <c:pt idx="127">
                  <c:v>0.16512669620000003</c:v>
                </c:pt>
                <c:pt idx="128">
                  <c:v>0.1536180228</c:v>
                </c:pt>
                <c:pt idx="129">
                  <c:v>0.14399541919999997</c:v>
                </c:pt>
                <c:pt idx="130">
                  <c:v>0.1354829967</c:v>
                </c:pt>
                <c:pt idx="131">
                  <c:v>0.12873692809999998</c:v>
                </c:pt>
                <c:pt idx="132">
                  <c:v>0.12249627710000002</c:v>
                </c:pt>
                <c:pt idx="133">
                  <c:v>0.11663365359999997</c:v>
                </c:pt>
                <c:pt idx="134">
                  <c:v>0.11122317610000002</c:v>
                </c:pt>
                <c:pt idx="135">
                  <c:v>0.10567684469999999</c:v>
                </c:pt>
                <c:pt idx="136">
                  <c:v>0.10207946600000001</c:v>
                </c:pt>
                <c:pt idx="137">
                  <c:v>9.9228292699999998E-2</c:v>
                </c:pt>
                <c:pt idx="138">
                  <c:v>9.8277404900000004E-2</c:v>
                </c:pt>
                <c:pt idx="139">
                  <c:v>9.3987345700000002E-2</c:v>
                </c:pt>
                <c:pt idx="140">
                  <c:v>9.3956381000000005E-2</c:v>
                </c:pt>
                <c:pt idx="141">
                  <c:v>9.1794043700000022E-2</c:v>
                </c:pt>
                <c:pt idx="142">
                  <c:v>9.1916605799999995E-2</c:v>
                </c:pt>
                <c:pt idx="143">
                  <c:v>9.3607619399999981E-2</c:v>
                </c:pt>
                <c:pt idx="144">
                  <c:v>9.4430908499999994E-2</c:v>
                </c:pt>
                <c:pt idx="145">
                  <c:v>9.6054509300000007E-2</c:v>
                </c:pt>
                <c:pt idx="146">
                  <c:v>9.8504289999999994E-2</c:v>
                </c:pt>
                <c:pt idx="147">
                  <c:v>9.9958106899999982E-2</c:v>
                </c:pt>
                <c:pt idx="148">
                  <c:v>0.10263881090000002</c:v>
                </c:pt>
                <c:pt idx="149">
                  <c:v>0.10418064890000001</c:v>
                </c:pt>
                <c:pt idx="150">
                  <c:v>0.10570263860000001</c:v>
                </c:pt>
                <c:pt idx="151">
                  <c:v>0.10685828330000002</c:v>
                </c:pt>
                <c:pt idx="152">
                  <c:v>0.10874232649999999</c:v>
                </c:pt>
                <c:pt idx="153">
                  <c:v>0.11069588359999999</c:v>
                </c:pt>
                <c:pt idx="154">
                  <c:v>0.11292816700000002</c:v>
                </c:pt>
                <c:pt idx="155">
                  <c:v>0.11552135650000003</c:v>
                </c:pt>
                <c:pt idx="156">
                  <c:v>0.11816044149999999</c:v>
                </c:pt>
                <c:pt idx="157">
                  <c:v>0.12114360930000004</c:v>
                </c:pt>
                <c:pt idx="158">
                  <c:v>0.12526637319999998</c:v>
                </c:pt>
                <c:pt idx="159">
                  <c:v>0.1289621145</c:v>
                </c:pt>
                <c:pt idx="160">
                  <c:v>0.13380382959999998</c:v>
                </c:pt>
                <c:pt idx="161">
                  <c:v>0.13806031640000002</c:v>
                </c:pt>
                <c:pt idx="162">
                  <c:v>0.1425246597</c:v>
                </c:pt>
                <c:pt idx="163">
                  <c:v>0.14673487839999999</c:v>
                </c:pt>
                <c:pt idx="164">
                  <c:v>0.15116329489999997</c:v>
                </c:pt>
                <c:pt idx="165">
                  <c:v>0.15443389120000003</c:v>
                </c:pt>
                <c:pt idx="166">
                  <c:v>0.1595205814</c:v>
                </c:pt>
                <c:pt idx="167">
                  <c:v>0.16560007629999998</c:v>
                </c:pt>
                <c:pt idx="168">
                  <c:v>0.1734424084</c:v>
                </c:pt>
                <c:pt idx="169">
                  <c:v>0.1865222007</c:v>
                </c:pt>
                <c:pt idx="170">
                  <c:v>0.20188730959999998</c:v>
                </c:pt>
                <c:pt idx="171">
                  <c:v>0.22130712869999999</c:v>
                </c:pt>
                <c:pt idx="172">
                  <c:v>0.24105551839999997</c:v>
                </c:pt>
                <c:pt idx="173">
                  <c:v>0.26213093100000001</c:v>
                </c:pt>
                <c:pt idx="174">
                  <c:v>0.28561583159999998</c:v>
                </c:pt>
              </c:numCache>
            </c:numRef>
          </c:yVal>
          <c:smooth val="1"/>
          <c:extLst>
            <c:ext xmlns:c16="http://schemas.microsoft.com/office/drawing/2014/chart" uri="{C3380CC4-5D6E-409C-BE32-E72D297353CC}">
              <c16:uniqueId val="{00000000-A415-4ECF-917B-4C54DA15B2EC}"/>
            </c:ext>
          </c:extLst>
        </c:ser>
        <c:ser>
          <c:idx val="1"/>
          <c:order val="1"/>
          <c:tx>
            <c:strRef>
              <c:f>'Part 3'!$K$30</c:f>
              <c:strCache>
                <c:ptCount val="1"/>
                <c:pt idx="0">
                  <c:v>Sample 2</c:v>
                </c:pt>
              </c:strCache>
            </c:strRef>
          </c:tx>
          <c:spPr>
            <a:ln w="19050" cap="rnd">
              <a:solidFill>
                <a:schemeClr val="accent2"/>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0:$GD$30</c:f>
              <c:numCache>
                <c:formatCode>General</c:formatCode>
                <c:ptCount val="175"/>
                <c:pt idx="0">
                  <c:v>1.761135455E-2</c:v>
                </c:pt>
                <c:pt idx="1">
                  <c:v>1.8713861720000002E-2</c:v>
                </c:pt>
                <c:pt idx="2">
                  <c:v>1.9847787929999999E-2</c:v>
                </c:pt>
                <c:pt idx="3">
                  <c:v>2.1441787449999999E-2</c:v>
                </c:pt>
                <c:pt idx="4">
                  <c:v>2.305881684000001E-2</c:v>
                </c:pt>
                <c:pt idx="5">
                  <c:v>2.5061473279999996E-2</c:v>
                </c:pt>
                <c:pt idx="6">
                  <c:v>2.690830827E-2</c:v>
                </c:pt>
                <c:pt idx="7">
                  <c:v>2.9311247200000015E-2</c:v>
                </c:pt>
                <c:pt idx="8">
                  <c:v>3.1777992860000021E-2</c:v>
                </c:pt>
                <c:pt idx="9">
                  <c:v>3.4520462129999999E-2</c:v>
                </c:pt>
                <c:pt idx="10">
                  <c:v>3.7402093390000002E-2</c:v>
                </c:pt>
                <c:pt idx="11">
                  <c:v>4.0850326440000015E-2</c:v>
                </c:pt>
                <c:pt idx="12">
                  <c:v>4.443146285000002E-2</c:v>
                </c:pt>
                <c:pt idx="13">
                  <c:v>4.8403173729999999E-2</c:v>
                </c:pt>
                <c:pt idx="14">
                  <c:v>5.2974015490000012E-2</c:v>
                </c:pt>
                <c:pt idx="15">
                  <c:v>5.7971574329999997E-2</c:v>
                </c:pt>
                <c:pt idx="16">
                  <c:v>6.3271582110000016E-2</c:v>
                </c:pt>
                <c:pt idx="17">
                  <c:v>6.8924143930000015E-2</c:v>
                </c:pt>
                <c:pt idx="18">
                  <c:v>7.5333923110000006E-2</c:v>
                </c:pt>
                <c:pt idx="19">
                  <c:v>8.2414388599999999E-2</c:v>
                </c:pt>
                <c:pt idx="20">
                  <c:v>9.0424410999999982E-2</c:v>
                </c:pt>
                <c:pt idx="21">
                  <c:v>9.9180460000000012E-2</c:v>
                </c:pt>
                <c:pt idx="22">
                  <c:v>0.1089048088</c:v>
                </c:pt>
                <c:pt idx="23">
                  <c:v>0.11978587499999999</c:v>
                </c:pt>
                <c:pt idx="24">
                  <c:v>0.1320167035</c:v>
                </c:pt>
                <c:pt idx="25">
                  <c:v>0.1460004449</c:v>
                </c:pt>
                <c:pt idx="26">
                  <c:v>0.16174553329999997</c:v>
                </c:pt>
                <c:pt idx="27">
                  <c:v>0.17961169030000002</c:v>
                </c:pt>
                <c:pt idx="28">
                  <c:v>0.20011005550000002</c:v>
                </c:pt>
                <c:pt idx="29">
                  <c:v>0.22310352319999999</c:v>
                </c:pt>
                <c:pt idx="30">
                  <c:v>0.24853973089999998</c:v>
                </c:pt>
                <c:pt idx="31">
                  <c:v>0.2764939293</c:v>
                </c:pt>
                <c:pt idx="32">
                  <c:v>0.30593561380000001</c:v>
                </c:pt>
                <c:pt idx="33">
                  <c:v>0.3366527185</c:v>
                </c:pt>
                <c:pt idx="34">
                  <c:v>0.36688715969999997</c:v>
                </c:pt>
                <c:pt idx="35">
                  <c:v>0.39574772859999996</c:v>
                </c:pt>
                <c:pt idx="36">
                  <c:v>0.42195629330000001</c:v>
                </c:pt>
                <c:pt idx="37">
                  <c:v>0.44495221230000004</c:v>
                </c:pt>
                <c:pt idx="38">
                  <c:v>0.46406128999999996</c:v>
                </c:pt>
                <c:pt idx="39">
                  <c:v>0.48017147929999998</c:v>
                </c:pt>
                <c:pt idx="40">
                  <c:v>0.49323454489999996</c:v>
                </c:pt>
                <c:pt idx="41">
                  <c:v>0.50442150240000005</c:v>
                </c:pt>
                <c:pt idx="42">
                  <c:v>0.51524471490000001</c:v>
                </c:pt>
                <c:pt idx="43">
                  <c:v>0.5260630623</c:v>
                </c:pt>
                <c:pt idx="44">
                  <c:v>0.53738670049999993</c:v>
                </c:pt>
                <c:pt idx="45">
                  <c:v>0.54935618490000004</c:v>
                </c:pt>
                <c:pt idx="46">
                  <c:v>0.56125742940000001</c:v>
                </c:pt>
                <c:pt idx="47">
                  <c:v>0.57288010420000002</c:v>
                </c:pt>
                <c:pt idx="48">
                  <c:v>0.58381489660000008</c:v>
                </c:pt>
                <c:pt idx="49">
                  <c:v>0.59342433519999993</c:v>
                </c:pt>
                <c:pt idx="50">
                  <c:v>0.60151233530000003</c:v>
                </c:pt>
                <c:pt idx="51">
                  <c:v>0.60766727479999993</c:v>
                </c:pt>
                <c:pt idx="52">
                  <c:v>0.61162714659999995</c:v>
                </c:pt>
                <c:pt idx="53">
                  <c:v>0.61360263079999999</c:v>
                </c:pt>
                <c:pt idx="54">
                  <c:v>0.61333639179999999</c:v>
                </c:pt>
                <c:pt idx="55">
                  <c:v>0.61051522190000007</c:v>
                </c:pt>
                <c:pt idx="56">
                  <c:v>0.60575280330000003</c:v>
                </c:pt>
                <c:pt idx="57">
                  <c:v>0.5996978879</c:v>
                </c:pt>
                <c:pt idx="58">
                  <c:v>0.59287000450000005</c:v>
                </c:pt>
                <c:pt idx="59">
                  <c:v>0.58518242840000001</c:v>
                </c:pt>
                <c:pt idx="60">
                  <c:v>0.57773753259999994</c:v>
                </c:pt>
                <c:pt idx="61">
                  <c:v>0.56992769249999997</c:v>
                </c:pt>
                <c:pt idx="62">
                  <c:v>0.56248036029999993</c:v>
                </c:pt>
                <c:pt idx="63">
                  <c:v>0.55479401350000002</c:v>
                </c:pt>
                <c:pt idx="64">
                  <c:v>0.54674727469999995</c:v>
                </c:pt>
                <c:pt idx="65">
                  <c:v>0.53853232419999997</c:v>
                </c:pt>
                <c:pt idx="66">
                  <c:v>0.53026011579999999</c:v>
                </c:pt>
                <c:pt idx="67">
                  <c:v>0.52152110630000004</c:v>
                </c:pt>
                <c:pt idx="68">
                  <c:v>0.51368838549999996</c:v>
                </c:pt>
                <c:pt idx="69">
                  <c:v>0.50622875239999998</c:v>
                </c:pt>
                <c:pt idx="70">
                  <c:v>0.49958746880000005</c:v>
                </c:pt>
                <c:pt idx="71">
                  <c:v>0.49394317710000002</c:v>
                </c:pt>
                <c:pt idx="72">
                  <c:v>0.48936257510000003</c:v>
                </c:pt>
                <c:pt idx="73">
                  <c:v>0.48652985690000006</c:v>
                </c:pt>
                <c:pt idx="74">
                  <c:v>0.4848396257</c:v>
                </c:pt>
                <c:pt idx="75">
                  <c:v>0.48426882170000002</c:v>
                </c:pt>
                <c:pt idx="76">
                  <c:v>0.48462586109999994</c:v>
                </c:pt>
                <c:pt idx="77">
                  <c:v>0.48663017149999999</c:v>
                </c:pt>
                <c:pt idx="78">
                  <c:v>0.48931447419999996</c:v>
                </c:pt>
                <c:pt idx="79">
                  <c:v>0.49304056909999999</c:v>
                </c:pt>
                <c:pt idx="80">
                  <c:v>0.49717982119999998</c:v>
                </c:pt>
                <c:pt idx="81">
                  <c:v>0.50172226870000003</c:v>
                </c:pt>
                <c:pt idx="82">
                  <c:v>0.50688909739999999</c:v>
                </c:pt>
                <c:pt idx="83">
                  <c:v>0.51192251599999994</c:v>
                </c:pt>
                <c:pt idx="84">
                  <c:v>0.51723247019999996</c:v>
                </c:pt>
                <c:pt idx="85">
                  <c:v>0.52197694780000004</c:v>
                </c:pt>
                <c:pt idx="86">
                  <c:v>0.52570577709999999</c:v>
                </c:pt>
                <c:pt idx="87">
                  <c:v>0.52904400969999998</c:v>
                </c:pt>
                <c:pt idx="88">
                  <c:v>0.53122808039999991</c:v>
                </c:pt>
                <c:pt idx="89">
                  <c:v>0.53207698469999998</c:v>
                </c:pt>
                <c:pt idx="90">
                  <c:v>0.53102435920000002</c:v>
                </c:pt>
                <c:pt idx="91">
                  <c:v>0.52867027379999998</c:v>
                </c:pt>
                <c:pt idx="92">
                  <c:v>0.52465151249999997</c:v>
                </c:pt>
                <c:pt idx="93">
                  <c:v>0.51905402540000001</c:v>
                </c:pt>
                <c:pt idx="94">
                  <c:v>0.51242363450000006</c:v>
                </c:pt>
                <c:pt idx="95">
                  <c:v>0.50427582859999998</c:v>
                </c:pt>
                <c:pt idx="96">
                  <c:v>0.49427568909999997</c:v>
                </c:pt>
                <c:pt idx="97">
                  <c:v>0.48323924839999999</c:v>
                </c:pt>
                <c:pt idx="98">
                  <c:v>0.47170828279999999</c:v>
                </c:pt>
                <c:pt idx="99">
                  <c:v>0.45894843340000002</c:v>
                </c:pt>
                <c:pt idx="100">
                  <c:v>0.44484777750000004</c:v>
                </c:pt>
                <c:pt idx="101">
                  <c:v>0.43145541099999996</c:v>
                </c:pt>
                <c:pt idx="102">
                  <c:v>0.41629636290000005</c:v>
                </c:pt>
                <c:pt idx="103">
                  <c:v>0.40090543040000004</c:v>
                </c:pt>
                <c:pt idx="104">
                  <c:v>0.38572223490000002</c:v>
                </c:pt>
                <c:pt idx="105">
                  <c:v>0.37072034180000002</c:v>
                </c:pt>
                <c:pt idx="106">
                  <c:v>0.35590188210000001</c:v>
                </c:pt>
                <c:pt idx="107">
                  <c:v>0.34141135210000001</c:v>
                </c:pt>
                <c:pt idx="108">
                  <c:v>0.32740469280000001</c:v>
                </c:pt>
                <c:pt idx="109">
                  <c:v>0.3133589625</c:v>
                </c:pt>
                <c:pt idx="110">
                  <c:v>0.2996984721</c:v>
                </c:pt>
                <c:pt idx="111">
                  <c:v>0.28609824179999999</c:v>
                </c:pt>
                <c:pt idx="112">
                  <c:v>0.27259017529999996</c:v>
                </c:pt>
                <c:pt idx="113">
                  <c:v>0.2593850493</c:v>
                </c:pt>
                <c:pt idx="114">
                  <c:v>0.24588987230000001</c:v>
                </c:pt>
                <c:pt idx="115">
                  <c:v>0.23287920649999999</c:v>
                </c:pt>
                <c:pt idx="116">
                  <c:v>0.2206115723</c:v>
                </c:pt>
                <c:pt idx="117">
                  <c:v>0.20874004070000002</c:v>
                </c:pt>
                <c:pt idx="118">
                  <c:v>0.19688095160000002</c:v>
                </c:pt>
                <c:pt idx="119">
                  <c:v>0.18607428669999998</c:v>
                </c:pt>
                <c:pt idx="120">
                  <c:v>0.17509713770000002</c:v>
                </c:pt>
                <c:pt idx="121">
                  <c:v>0.16585434969999999</c:v>
                </c:pt>
                <c:pt idx="122">
                  <c:v>0.15626445420000001</c:v>
                </c:pt>
                <c:pt idx="123">
                  <c:v>0.1475042849</c:v>
                </c:pt>
                <c:pt idx="124">
                  <c:v>0.14032544190000001</c:v>
                </c:pt>
                <c:pt idx="125">
                  <c:v>0.13331364089999997</c:v>
                </c:pt>
                <c:pt idx="126">
                  <c:v>0.12584717570000001</c:v>
                </c:pt>
                <c:pt idx="127">
                  <c:v>0.1210145205</c:v>
                </c:pt>
                <c:pt idx="128">
                  <c:v>0.11588637529999998</c:v>
                </c:pt>
                <c:pt idx="129">
                  <c:v>0.11325354879999999</c:v>
                </c:pt>
                <c:pt idx="130">
                  <c:v>0.110623464</c:v>
                </c:pt>
                <c:pt idx="131">
                  <c:v>0.10904240609999999</c:v>
                </c:pt>
                <c:pt idx="132">
                  <c:v>0.10859508810000001</c:v>
                </c:pt>
                <c:pt idx="133">
                  <c:v>0.10716816779999999</c:v>
                </c:pt>
                <c:pt idx="134">
                  <c:v>0.1074527502</c:v>
                </c:pt>
                <c:pt idx="135">
                  <c:v>0.1063300073</c:v>
                </c:pt>
                <c:pt idx="136">
                  <c:v>0.10582414270000001</c:v>
                </c:pt>
                <c:pt idx="137">
                  <c:v>0.1055171043</c:v>
                </c:pt>
                <c:pt idx="138">
                  <c:v>0.10678361360000002</c:v>
                </c:pt>
                <c:pt idx="139">
                  <c:v>0.1061059087</c:v>
                </c:pt>
                <c:pt idx="140">
                  <c:v>0.10724149640000002</c:v>
                </c:pt>
                <c:pt idx="141">
                  <c:v>0.10620407760000003</c:v>
                </c:pt>
                <c:pt idx="142">
                  <c:v>0.10615977639999999</c:v>
                </c:pt>
                <c:pt idx="143">
                  <c:v>0.10730060930000002</c:v>
                </c:pt>
                <c:pt idx="144">
                  <c:v>0.10747385019999997</c:v>
                </c:pt>
                <c:pt idx="145">
                  <c:v>0.10819587110000001</c:v>
                </c:pt>
                <c:pt idx="146">
                  <c:v>0.10889033970000001</c:v>
                </c:pt>
                <c:pt idx="147">
                  <c:v>0.10898096859999998</c:v>
                </c:pt>
                <c:pt idx="148">
                  <c:v>0.10923099519999999</c:v>
                </c:pt>
                <c:pt idx="149">
                  <c:v>0.10964740810000001</c:v>
                </c:pt>
                <c:pt idx="150">
                  <c:v>0.10942757129999997</c:v>
                </c:pt>
                <c:pt idx="151">
                  <c:v>0.10969877240000003</c:v>
                </c:pt>
                <c:pt idx="152">
                  <c:v>0.10969910030000002</c:v>
                </c:pt>
                <c:pt idx="153">
                  <c:v>0.1105886847</c:v>
                </c:pt>
                <c:pt idx="154">
                  <c:v>0.11094124620000001</c:v>
                </c:pt>
                <c:pt idx="155">
                  <c:v>0.11325652900000002</c:v>
                </c:pt>
                <c:pt idx="156">
                  <c:v>0.11492256820000002</c:v>
                </c:pt>
                <c:pt idx="157">
                  <c:v>0.1179777384</c:v>
                </c:pt>
                <c:pt idx="158">
                  <c:v>0.12193790080000003</c:v>
                </c:pt>
                <c:pt idx="159">
                  <c:v>0.1274678856</c:v>
                </c:pt>
                <c:pt idx="160">
                  <c:v>0.13419850170000003</c:v>
                </c:pt>
                <c:pt idx="161">
                  <c:v>0.14209844169999999</c:v>
                </c:pt>
                <c:pt idx="162">
                  <c:v>0.15007364750000002</c:v>
                </c:pt>
                <c:pt idx="163">
                  <c:v>0.15833075340000002</c:v>
                </c:pt>
                <c:pt idx="164">
                  <c:v>0.16502006349999998</c:v>
                </c:pt>
                <c:pt idx="165">
                  <c:v>0.16968698800000001</c:v>
                </c:pt>
                <c:pt idx="166">
                  <c:v>0.17437712850000001</c:v>
                </c:pt>
                <c:pt idx="167">
                  <c:v>0.17784903939999999</c:v>
                </c:pt>
                <c:pt idx="168">
                  <c:v>0.18227808170000001</c:v>
                </c:pt>
                <c:pt idx="169">
                  <c:v>0.18893019860000002</c:v>
                </c:pt>
                <c:pt idx="170">
                  <c:v>0.1978042126</c:v>
                </c:pt>
                <c:pt idx="171">
                  <c:v>0.2094088197</c:v>
                </c:pt>
                <c:pt idx="172">
                  <c:v>0.22129267449999998</c:v>
                </c:pt>
                <c:pt idx="173">
                  <c:v>0.23556374009999997</c:v>
                </c:pt>
                <c:pt idx="174">
                  <c:v>0.25245994329999999</c:v>
                </c:pt>
              </c:numCache>
            </c:numRef>
          </c:yVal>
          <c:smooth val="1"/>
          <c:extLst>
            <c:ext xmlns:c16="http://schemas.microsoft.com/office/drawing/2014/chart" uri="{C3380CC4-5D6E-409C-BE32-E72D297353CC}">
              <c16:uniqueId val="{00000001-A415-4ECF-917B-4C54DA15B2EC}"/>
            </c:ext>
          </c:extLst>
        </c:ser>
        <c:ser>
          <c:idx val="2"/>
          <c:order val="2"/>
          <c:tx>
            <c:strRef>
              <c:f>'Part 3'!$K$31</c:f>
              <c:strCache>
                <c:ptCount val="1"/>
                <c:pt idx="0">
                  <c:v>Sample 3</c:v>
                </c:pt>
              </c:strCache>
            </c:strRef>
          </c:tx>
          <c:spPr>
            <a:ln w="19050" cap="rnd">
              <a:solidFill>
                <a:schemeClr val="accent3"/>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1:$GD$31</c:f>
              <c:numCache>
                <c:formatCode>General</c:formatCode>
                <c:ptCount val="175"/>
                <c:pt idx="0">
                  <c:v>1.5030518150000005E-2</c:v>
                </c:pt>
                <c:pt idx="1">
                  <c:v>1.5884675119999997E-2</c:v>
                </c:pt>
                <c:pt idx="2">
                  <c:v>1.6700662630000002E-2</c:v>
                </c:pt>
                <c:pt idx="3">
                  <c:v>1.8040098249999997E-2</c:v>
                </c:pt>
                <c:pt idx="4">
                  <c:v>1.9570030240000008E-2</c:v>
                </c:pt>
                <c:pt idx="5">
                  <c:v>2.0690835980000002E-2</c:v>
                </c:pt>
                <c:pt idx="6">
                  <c:v>2.2442355770000005E-2</c:v>
                </c:pt>
                <c:pt idx="7">
                  <c:v>2.4468049400000011E-2</c:v>
                </c:pt>
                <c:pt idx="8">
                  <c:v>2.6553206160000009E-2</c:v>
                </c:pt>
                <c:pt idx="9">
                  <c:v>2.9029071330000003E-2</c:v>
                </c:pt>
                <c:pt idx="10">
                  <c:v>3.149498999E-2</c:v>
                </c:pt>
                <c:pt idx="11">
                  <c:v>3.4433603240000013E-2</c:v>
                </c:pt>
                <c:pt idx="12">
                  <c:v>3.7749126550000012E-2</c:v>
                </c:pt>
                <c:pt idx="13">
                  <c:v>4.1441038230000005E-2</c:v>
                </c:pt>
                <c:pt idx="14">
                  <c:v>4.5655786990000016E-2</c:v>
                </c:pt>
                <c:pt idx="15">
                  <c:v>5.029007043E-2</c:v>
                </c:pt>
                <c:pt idx="16">
                  <c:v>5.551204081000001E-2</c:v>
                </c:pt>
                <c:pt idx="17">
                  <c:v>6.1094716230000012E-2</c:v>
                </c:pt>
                <c:pt idx="18">
                  <c:v>6.7239344109999988E-2</c:v>
                </c:pt>
                <c:pt idx="19">
                  <c:v>7.437822220000001E-2</c:v>
                </c:pt>
                <c:pt idx="20">
                  <c:v>8.2156114299999999E-2</c:v>
                </c:pt>
                <c:pt idx="21">
                  <c:v>9.0790420800000007E-2</c:v>
                </c:pt>
                <c:pt idx="22">
                  <c:v>0.10056364539999998</c:v>
                </c:pt>
                <c:pt idx="23">
                  <c:v>0.11146363609999999</c:v>
                </c:pt>
                <c:pt idx="24">
                  <c:v>0.1233184189</c:v>
                </c:pt>
                <c:pt idx="25">
                  <c:v>0.1371370703</c:v>
                </c:pt>
                <c:pt idx="26">
                  <c:v>0.15266142779999997</c:v>
                </c:pt>
                <c:pt idx="27">
                  <c:v>0.170155473</c:v>
                </c:pt>
                <c:pt idx="28">
                  <c:v>0.19042343650000002</c:v>
                </c:pt>
                <c:pt idx="29">
                  <c:v>0.21291458609999997</c:v>
                </c:pt>
                <c:pt idx="30">
                  <c:v>0.23804147539999998</c:v>
                </c:pt>
                <c:pt idx="31">
                  <c:v>0.26525180790000003</c:v>
                </c:pt>
                <c:pt idx="32">
                  <c:v>0.29446979609999996</c:v>
                </c:pt>
                <c:pt idx="33">
                  <c:v>0.32436924430000003</c:v>
                </c:pt>
                <c:pt idx="34">
                  <c:v>0.35425630959999999</c:v>
                </c:pt>
                <c:pt idx="35">
                  <c:v>0.38228658579999997</c:v>
                </c:pt>
                <c:pt idx="36">
                  <c:v>0.40797727560000002</c:v>
                </c:pt>
                <c:pt idx="37">
                  <c:v>0.43034132569999994</c:v>
                </c:pt>
                <c:pt idx="38">
                  <c:v>0.4493078291</c:v>
                </c:pt>
                <c:pt idx="39">
                  <c:v>0.4650693313</c:v>
                </c:pt>
                <c:pt idx="40">
                  <c:v>0.47808107730000005</c:v>
                </c:pt>
                <c:pt idx="41">
                  <c:v>0.48928043250000003</c:v>
                </c:pt>
                <c:pt idx="42">
                  <c:v>0.500168316</c:v>
                </c:pt>
                <c:pt idx="43">
                  <c:v>0.5106456653</c:v>
                </c:pt>
                <c:pt idx="44">
                  <c:v>0.52212642130000009</c:v>
                </c:pt>
                <c:pt idx="45">
                  <c:v>0.5338776932</c:v>
                </c:pt>
                <c:pt idx="46">
                  <c:v>0.54540736230000009</c:v>
                </c:pt>
                <c:pt idx="47">
                  <c:v>0.55706317719999998</c:v>
                </c:pt>
                <c:pt idx="48">
                  <c:v>0.5677612796</c:v>
                </c:pt>
                <c:pt idx="49">
                  <c:v>0.57696510859999994</c:v>
                </c:pt>
                <c:pt idx="50">
                  <c:v>0.58482136579999999</c:v>
                </c:pt>
                <c:pt idx="51">
                  <c:v>0.59095043689999993</c:v>
                </c:pt>
                <c:pt idx="52">
                  <c:v>0.59465347229999999</c:v>
                </c:pt>
                <c:pt idx="53">
                  <c:v>0.59663134070000001</c:v>
                </c:pt>
                <c:pt idx="54">
                  <c:v>0.59646404539999998</c:v>
                </c:pt>
                <c:pt idx="55">
                  <c:v>0.59381024530000004</c:v>
                </c:pt>
                <c:pt idx="56">
                  <c:v>0.58917579799999997</c:v>
                </c:pt>
                <c:pt idx="57">
                  <c:v>0.5833434462</c:v>
                </c:pt>
                <c:pt idx="58">
                  <c:v>0.57647264750000005</c:v>
                </c:pt>
                <c:pt idx="59">
                  <c:v>0.56935709720000005</c:v>
                </c:pt>
                <c:pt idx="60">
                  <c:v>0.56221338359999995</c:v>
                </c:pt>
                <c:pt idx="61">
                  <c:v>0.5545300246</c:v>
                </c:pt>
                <c:pt idx="62">
                  <c:v>0.54758569599999996</c:v>
                </c:pt>
                <c:pt idx="63">
                  <c:v>0.54025655979999998</c:v>
                </c:pt>
                <c:pt idx="64">
                  <c:v>0.53279495980000002</c:v>
                </c:pt>
                <c:pt idx="65">
                  <c:v>0.52525491270000002</c:v>
                </c:pt>
                <c:pt idx="66">
                  <c:v>0.51731732479999992</c:v>
                </c:pt>
                <c:pt idx="67">
                  <c:v>0.50956590469999996</c:v>
                </c:pt>
                <c:pt idx="68">
                  <c:v>0.50263679029999997</c:v>
                </c:pt>
                <c:pt idx="69">
                  <c:v>0.4959502294</c:v>
                </c:pt>
                <c:pt idx="70">
                  <c:v>0.49016904090000002</c:v>
                </c:pt>
                <c:pt idx="71">
                  <c:v>0.48533191530000008</c:v>
                </c:pt>
                <c:pt idx="72">
                  <c:v>0.48154769099999994</c:v>
                </c:pt>
                <c:pt idx="73">
                  <c:v>0.47987815740000006</c:v>
                </c:pt>
                <c:pt idx="74">
                  <c:v>0.47914791849999999</c:v>
                </c:pt>
                <c:pt idx="75">
                  <c:v>0.47997639330000003</c:v>
                </c:pt>
                <c:pt idx="76">
                  <c:v>0.4813593477</c:v>
                </c:pt>
                <c:pt idx="77">
                  <c:v>0.48473677029999995</c:v>
                </c:pt>
                <c:pt idx="78">
                  <c:v>0.48862973600000004</c:v>
                </c:pt>
                <c:pt idx="79">
                  <c:v>0.49345917249999999</c:v>
                </c:pt>
                <c:pt idx="80">
                  <c:v>0.49876840420000007</c:v>
                </c:pt>
                <c:pt idx="81">
                  <c:v>0.50437396020000003</c:v>
                </c:pt>
                <c:pt idx="82">
                  <c:v>0.51054953780000001</c:v>
                </c:pt>
                <c:pt idx="83">
                  <c:v>0.5166519061</c:v>
                </c:pt>
                <c:pt idx="84">
                  <c:v>0.52294223749999991</c:v>
                </c:pt>
                <c:pt idx="85">
                  <c:v>0.52844572059999995</c:v>
                </c:pt>
                <c:pt idx="86">
                  <c:v>0.53359564390000003</c:v>
                </c:pt>
                <c:pt idx="87">
                  <c:v>0.53759125620000003</c:v>
                </c:pt>
                <c:pt idx="88">
                  <c:v>0.54052628579999995</c:v>
                </c:pt>
                <c:pt idx="89">
                  <c:v>0.54196688530000003</c:v>
                </c:pt>
                <c:pt idx="90">
                  <c:v>0.54135265209999994</c:v>
                </c:pt>
                <c:pt idx="91">
                  <c:v>0.53919144720000001</c:v>
                </c:pt>
                <c:pt idx="92">
                  <c:v>0.53553108869999999</c:v>
                </c:pt>
                <c:pt idx="93">
                  <c:v>0.53028556699999996</c:v>
                </c:pt>
                <c:pt idx="94">
                  <c:v>0.52327048779999996</c:v>
                </c:pt>
                <c:pt idx="95">
                  <c:v>0.51513323190000004</c:v>
                </c:pt>
                <c:pt idx="96">
                  <c:v>0.5048900247</c:v>
                </c:pt>
                <c:pt idx="97">
                  <c:v>0.49359364809999995</c:v>
                </c:pt>
                <c:pt idx="98">
                  <c:v>0.48159788550000004</c:v>
                </c:pt>
                <c:pt idx="99">
                  <c:v>0.46858018629999998</c:v>
                </c:pt>
                <c:pt idx="100">
                  <c:v>0.45461244889999997</c:v>
                </c:pt>
                <c:pt idx="101">
                  <c:v>0.43995044380000004</c:v>
                </c:pt>
                <c:pt idx="102">
                  <c:v>0.42507272959999998</c:v>
                </c:pt>
                <c:pt idx="103">
                  <c:v>0.40959089999999998</c:v>
                </c:pt>
                <c:pt idx="104">
                  <c:v>0.39381684370000003</c:v>
                </c:pt>
                <c:pt idx="105">
                  <c:v>0.37848250570000003</c:v>
                </c:pt>
                <c:pt idx="106">
                  <c:v>0.36299814279999998</c:v>
                </c:pt>
                <c:pt idx="107">
                  <c:v>0.34780335420000003</c:v>
                </c:pt>
                <c:pt idx="108">
                  <c:v>0.33273206649999998</c:v>
                </c:pt>
                <c:pt idx="109">
                  <c:v>0.31808292859999998</c:v>
                </c:pt>
                <c:pt idx="110">
                  <c:v>0.30363544819999999</c:v>
                </c:pt>
                <c:pt idx="111">
                  <c:v>0.28952091940000002</c:v>
                </c:pt>
                <c:pt idx="112">
                  <c:v>0.27589561039999999</c:v>
                </c:pt>
                <c:pt idx="113">
                  <c:v>0.26257875559999999</c:v>
                </c:pt>
                <c:pt idx="114">
                  <c:v>0.24891275170000002</c:v>
                </c:pt>
                <c:pt idx="115">
                  <c:v>0.23495592170000001</c:v>
                </c:pt>
                <c:pt idx="116">
                  <c:v>0.2222159803</c:v>
                </c:pt>
                <c:pt idx="117">
                  <c:v>0.2092632801</c:v>
                </c:pt>
                <c:pt idx="118">
                  <c:v>0.19719572369999999</c:v>
                </c:pt>
                <c:pt idx="119">
                  <c:v>0.18611192709999996</c:v>
                </c:pt>
                <c:pt idx="120">
                  <c:v>0.1745087206</c:v>
                </c:pt>
                <c:pt idx="121">
                  <c:v>0.1647614687</c:v>
                </c:pt>
                <c:pt idx="122">
                  <c:v>0.15485984089999999</c:v>
                </c:pt>
                <c:pt idx="123">
                  <c:v>0.14502464230000001</c:v>
                </c:pt>
                <c:pt idx="124">
                  <c:v>0.13719274100000001</c:v>
                </c:pt>
                <c:pt idx="125">
                  <c:v>0.1297694593</c:v>
                </c:pt>
                <c:pt idx="126">
                  <c:v>0.12216196949999999</c:v>
                </c:pt>
                <c:pt idx="127">
                  <c:v>0.11552147569999999</c:v>
                </c:pt>
                <c:pt idx="128">
                  <c:v>0.11128455400000001</c:v>
                </c:pt>
                <c:pt idx="129">
                  <c:v>0.1072711945</c:v>
                </c:pt>
                <c:pt idx="130">
                  <c:v>0.10508361459999999</c:v>
                </c:pt>
                <c:pt idx="131">
                  <c:v>0.10217070579999998</c:v>
                </c:pt>
                <c:pt idx="132">
                  <c:v>0.10159598289999999</c:v>
                </c:pt>
                <c:pt idx="133">
                  <c:v>9.8883360599999998E-2</c:v>
                </c:pt>
                <c:pt idx="134">
                  <c:v>9.7697749800000011E-2</c:v>
                </c:pt>
                <c:pt idx="135">
                  <c:v>9.6452981199999982E-2</c:v>
                </c:pt>
                <c:pt idx="136">
                  <c:v>9.6297264100000002E-2</c:v>
                </c:pt>
                <c:pt idx="137">
                  <c:v>9.5786482099999987E-2</c:v>
                </c:pt>
                <c:pt idx="138">
                  <c:v>9.7764954000000015E-2</c:v>
                </c:pt>
                <c:pt idx="139">
                  <c:v>9.5597863199999994E-2</c:v>
                </c:pt>
                <c:pt idx="140">
                  <c:v>9.6564620699999992E-2</c:v>
                </c:pt>
                <c:pt idx="141">
                  <c:v>9.5089539800000011E-2</c:v>
                </c:pt>
                <c:pt idx="142">
                  <c:v>9.4760522200000002E-2</c:v>
                </c:pt>
                <c:pt idx="143">
                  <c:v>9.6771851199999981E-2</c:v>
                </c:pt>
                <c:pt idx="144">
                  <c:v>9.65285897E-2</c:v>
                </c:pt>
                <c:pt idx="145">
                  <c:v>9.7025528599999994E-2</c:v>
                </c:pt>
                <c:pt idx="146">
                  <c:v>9.6898138500000008E-2</c:v>
                </c:pt>
                <c:pt idx="147">
                  <c:v>9.7546145399999978E-2</c:v>
                </c:pt>
                <c:pt idx="148">
                  <c:v>9.7905546400000015E-2</c:v>
                </c:pt>
                <c:pt idx="149">
                  <c:v>9.7962841299999992E-2</c:v>
                </c:pt>
                <c:pt idx="150">
                  <c:v>9.8023891400000007E-2</c:v>
                </c:pt>
                <c:pt idx="151">
                  <c:v>9.7405791299999989E-2</c:v>
                </c:pt>
                <c:pt idx="152">
                  <c:v>9.7569346399999979E-2</c:v>
                </c:pt>
                <c:pt idx="153">
                  <c:v>9.836463630000003E-2</c:v>
                </c:pt>
                <c:pt idx="154">
                  <c:v>9.9708482600000037E-2</c:v>
                </c:pt>
                <c:pt idx="155">
                  <c:v>0.1007020324</c:v>
                </c:pt>
                <c:pt idx="156">
                  <c:v>0.10257421430000002</c:v>
                </c:pt>
                <c:pt idx="157">
                  <c:v>0.10556086900000003</c:v>
                </c:pt>
                <c:pt idx="158">
                  <c:v>0.10945528750000003</c:v>
                </c:pt>
                <c:pt idx="159">
                  <c:v>0.1147330553</c:v>
                </c:pt>
                <c:pt idx="160">
                  <c:v>0.1219445616</c:v>
                </c:pt>
                <c:pt idx="161">
                  <c:v>0.12921892100000001</c:v>
                </c:pt>
                <c:pt idx="162">
                  <c:v>0.13721889259999998</c:v>
                </c:pt>
                <c:pt idx="163">
                  <c:v>0.14529637989999999</c:v>
                </c:pt>
                <c:pt idx="164">
                  <c:v>0.1516432613</c:v>
                </c:pt>
                <c:pt idx="165">
                  <c:v>0.1564849764</c:v>
                </c:pt>
                <c:pt idx="166">
                  <c:v>0.16067771610000001</c:v>
                </c:pt>
                <c:pt idx="167">
                  <c:v>0.16446264089999998</c:v>
                </c:pt>
                <c:pt idx="168">
                  <c:v>0.16916693740000002</c:v>
                </c:pt>
                <c:pt idx="169">
                  <c:v>0.17597110569999999</c:v>
                </c:pt>
                <c:pt idx="170">
                  <c:v>0.18477550150000002</c:v>
                </c:pt>
                <c:pt idx="171">
                  <c:v>0.19685944920000001</c:v>
                </c:pt>
                <c:pt idx="172">
                  <c:v>0.2093347609</c:v>
                </c:pt>
                <c:pt idx="173">
                  <c:v>0.22352840000000002</c:v>
                </c:pt>
                <c:pt idx="174">
                  <c:v>0.24035674330000001</c:v>
                </c:pt>
              </c:numCache>
            </c:numRef>
          </c:yVal>
          <c:smooth val="1"/>
          <c:extLst>
            <c:ext xmlns:c16="http://schemas.microsoft.com/office/drawing/2014/chart" uri="{C3380CC4-5D6E-409C-BE32-E72D297353CC}">
              <c16:uniqueId val="{00000002-A415-4ECF-917B-4C54DA15B2EC}"/>
            </c:ext>
          </c:extLst>
        </c:ser>
        <c:ser>
          <c:idx val="3"/>
          <c:order val="3"/>
          <c:tx>
            <c:strRef>
              <c:f>'Part 3'!$K$32</c:f>
              <c:strCache>
                <c:ptCount val="1"/>
                <c:pt idx="0">
                  <c:v>Sample 4</c:v>
                </c:pt>
              </c:strCache>
            </c:strRef>
          </c:tx>
          <c:spPr>
            <a:ln w="19050" cap="rnd">
              <a:solidFill>
                <a:schemeClr val="accent4"/>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2:$GD$32</c:f>
              <c:numCache>
                <c:formatCode>General</c:formatCode>
                <c:ptCount val="175"/>
                <c:pt idx="0">
                  <c:v>1.919608565E-2</c:v>
                </c:pt>
                <c:pt idx="1">
                  <c:v>2.0424939719999993E-2</c:v>
                </c:pt>
                <c:pt idx="2">
                  <c:v>2.1560937129999999E-2</c:v>
                </c:pt>
                <c:pt idx="3">
                  <c:v>2.3252718150000004E-2</c:v>
                </c:pt>
                <c:pt idx="4">
                  <c:v>2.512463924000001E-2</c:v>
                </c:pt>
                <c:pt idx="5">
                  <c:v>2.6796311180000004E-2</c:v>
                </c:pt>
                <c:pt idx="6">
                  <c:v>2.9199287270000013E-2</c:v>
                </c:pt>
                <c:pt idx="7">
                  <c:v>3.1788520500000014E-2</c:v>
                </c:pt>
                <c:pt idx="8">
                  <c:v>3.4313753259999996E-2</c:v>
                </c:pt>
                <c:pt idx="9">
                  <c:v>3.7736997029999983E-2</c:v>
                </c:pt>
                <c:pt idx="10">
                  <c:v>4.0993079590000009E-2</c:v>
                </c:pt>
                <c:pt idx="11">
                  <c:v>4.4756546639999992E-2</c:v>
                </c:pt>
                <c:pt idx="12">
                  <c:v>4.9145296249999998E-2</c:v>
                </c:pt>
                <c:pt idx="13">
                  <c:v>5.3925782429999986E-2</c:v>
                </c:pt>
                <c:pt idx="14">
                  <c:v>5.9318393489999996E-2</c:v>
                </c:pt>
                <c:pt idx="15">
                  <c:v>6.5235786130000001E-2</c:v>
                </c:pt>
                <c:pt idx="16">
                  <c:v>7.1838602409999994E-2</c:v>
                </c:pt>
                <c:pt idx="17">
                  <c:v>7.9353973230000013E-2</c:v>
                </c:pt>
                <c:pt idx="18">
                  <c:v>8.7596088609999984E-2</c:v>
                </c:pt>
                <c:pt idx="19">
                  <c:v>9.7098276000000011E-2</c:v>
                </c:pt>
                <c:pt idx="20">
                  <c:v>0.10735546799999998</c:v>
                </c:pt>
                <c:pt idx="21">
                  <c:v>0.11899741000000001</c:v>
                </c:pt>
                <c:pt idx="22">
                  <c:v>0.13238130509999999</c:v>
                </c:pt>
                <c:pt idx="23">
                  <c:v>0.14707463979999999</c:v>
                </c:pt>
                <c:pt idx="24">
                  <c:v>0.16365428269999999</c:v>
                </c:pt>
                <c:pt idx="25">
                  <c:v>0.18270362909999999</c:v>
                </c:pt>
                <c:pt idx="26">
                  <c:v>0.20409621299999997</c:v>
                </c:pt>
                <c:pt idx="27">
                  <c:v>0.22845373299999999</c:v>
                </c:pt>
                <c:pt idx="28">
                  <c:v>0.25585681950000005</c:v>
                </c:pt>
                <c:pt idx="29">
                  <c:v>0.28627234699999998</c:v>
                </c:pt>
                <c:pt idx="30">
                  <c:v>0.31978501380000002</c:v>
                </c:pt>
                <c:pt idx="31">
                  <c:v>0.35622306920000002</c:v>
                </c:pt>
                <c:pt idx="32">
                  <c:v>0.3941066191</c:v>
                </c:pt>
                <c:pt idx="33">
                  <c:v>0.43355935070000001</c:v>
                </c:pt>
                <c:pt idx="34">
                  <c:v>0.47278086100000005</c:v>
                </c:pt>
                <c:pt idx="35">
                  <c:v>0.50988186149999992</c:v>
                </c:pt>
                <c:pt idx="36">
                  <c:v>0.54413693399999996</c:v>
                </c:pt>
                <c:pt idx="37">
                  <c:v>0.57430382820000003</c:v>
                </c:pt>
                <c:pt idx="38">
                  <c:v>0.60008725520000006</c:v>
                </c:pt>
                <c:pt idx="39">
                  <c:v>0.6220096127000001</c:v>
                </c:pt>
                <c:pt idx="40">
                  <c:v>0.6405588686</c:v>
                </c:pt>
                <c:pt idx="41">
                  <c:v>0.65648129589999993</c:v>
                </c:pt>
                <c:pt idx="42">
                  <c:v>0.67156939950000005</c:v>
                </c:pt>
                <c:pt idx="43">
                  <c:v>0.68628362570000001</c:v>
                </c:pt>
                <c:pt idx="44">
                  <c:v>0.70134823020000003</c:v>
                </c:pt>
                <c:pt idx="45">
                  <c:v>0.71643348790000005</c:v>
                </c:pt>
                <c:pt idx="46">
                  <c:v>0.73122746500000002</c:v>
                </c:pt>
                <c:pt idx="47">
                  <c:v>0.74564571680000002</c:v>
                </c:pt>
                <c:pt idx="48">
                  <c:v>0.75860045100000006</c:v>
                </c:pt>
                <c:pt idx="49">
                  <c:v>0.76988245550000001</c:v>
                </c:pt>
                <c:pt idx="50">
                  <c:v>0.77882679560000001</c:v>
                </c:pt>
                <c:pt idx="51">
                  <c:v>0.78579706699999996</c:v>
                </c:pt>
                <c:pt idx="52">
                  <c:v>0.78994767359999996</c:v>
                </c:pt>
                <c:pt idx="53">
                  <c:v>0.79153984039999992</c:v>
                </c:pt>
                <c:pt idx="54">
                  <c:v>0.79069138319999999</c:v>
                </c:pt>
                <c:pt idx="55">
                  <c:v>0.78661720450000006</c:v>
                </c:pt>
                <c:pt idx="56">
                  <c:v>0.77986041449999999</c:v>
                </c:pt>
                <c:pt idx="57">
                  <c:v>0.77084714170000002</c:v>
                </c:pt>
                <c:pt idx="58">
                  <c:v>0.76041591919999996</c:v>
                </c:pt>
                <c:pt idx="59">
                  <c:v>0.74945712090000005</c:v>
                </c:pt>
                <c:pt idx="60">
                  <c:v>0.73756244029999996</c:v>
                </c:pt>
                <c:pt idx="61">
                  <c:v>0.72524958849999999</c:v>
                </c:pt>
                <c:pt idx="62">
                  <c:v>0.71242675179999992</c:v>
                </c:pt>
                <c:pt idx="63">
                  <c:v>0.69928449390000003</c:v>
                </c:pt>
                <c:pt idx="64">
                  <c:v>0.68517745279999998</c:v>
                </c:pt>
                <c:pt idx="65">
                  <c:v>0.67051906139999995</c:v>
                </c:pt>
                <c:pt idx="66">
                  <c:v>0.65553304550000002</c:v>
                </c:pt>
                <c:pt idx="67">
                  <c:v>0.64002384239999999</c:v>
                </c:pt>
                <c:pt idx="68">
                  <c:v>0.62456303840000005</c:v>
                </c:pt>
                <c:pt idx="69">
                  <c:v>0.60941279670000004</c:v>
                </c:pt>
                <c:pt idx="70">
                  <c:v>0.59498106689999997</c:v>
                </c:pt>
                <c:pt idx="71">
                  <c:v>0.58127018060000002</c:v>
                </c:pt>
                <c:pt idx="72">
                  <c:v>0.5684956685</c:v>
                </c:pt>
                <c:pt idx="73">
                  <c:v>0.55685231089999998</c:v>
                </c:pt>
                <c:pt idx="74">
                  <c:v>0.54653085030000004</c:v>
                </c:pt>
                <c:pt idx="75">
                  <c:v>0.53760788589999997</c:v>
                </c:pt>
                <c:pt idx="76">
                  <c:v>0.52899663149999998</c:v>
                </c:pt>
                <c:pt idx="77">
                  <c:v>0.52224335069999994</c:v>
                </c:pt>
                <c:pt idx="78">
                  <c:v>0.51608965549999997</c:v>
                </c:pt>
                <c:pt idx="79">
                  <c:v>0.51081866769999995</c:v>
                </c:pt>
                <c:pt idx="80">
                  <c:v>0.50598736109999998</c:v>
                </c:pt>
                <c:pt idx="81">
                  <c:v>0.50217353549999999</c:v>
                </c:pt>
                <c:pt idx="82">
                  <c:v>0.49868851150000004</c:v>
                </c:pt>
                <c:pt idx="83">
                  <c:v>0.49568001179999999</c:v>
                </c:pt>
                <c:pt idx="84">
                  <c:v>0.49349271499999997</c:v>
                </c:pt>
                <c:pt idx="85">
                  <c:v>0.4904642105</c:v>
                </c:pt>
                <c:pt idx="86">
                  <c:v>0.48787578189999997</c:v>
                </c:pt>
                <c:pt idx="87">
                  <c:v>0.48464057589999998</c:v>
                </c:pt>
                <c:pt idx="88">
                  <c:v>0.48119516670000001</c:v>
                </c:pt>
                <c:pt idx="89">
                  <c:v>0.47700050469999999</c:v>
                </c:pt>
                <c:pt idx="90">
                  <c:v>0.47159292549999998</c:v>
                </c:pt>
                <c:pt idx="91">
                  <c:v>0.46549256900000002</c:v>
                </c:pt>
                <c:pt idx="92">
                  <c:v>0.45850388700000005</c:v>
                </c:pt>
                <c:pt idx="93">
                  <c:v>0.45072141290000001</c:v>
                </c:pt>
                <c:pt idx="94">
                  <c:v>0.44194638730000002</c:v>
                </c:pt>
                <c:pt idx="95">
                  <c:v>0.43273672460000001</c:v>
                </c:pt>
                <c:pt idx="96">
                  <c:v>0.42189443110000002</c:v>
                </c:pt>
                <c:pt idx="97">
                  <c:v>0.41033555569999991</c:v>
                </c:pt>
                <c:pt idx="98">
                  <c:v>0.39897768200000006</c:v>
                </c:pt>
                <c:pt idx="99">
                  <c:v>0.38695538039999999</c:v>
                </c:pt>
                <c:pt idx="100">
                  <c:v>0.37382499880000003</c:v>
                </c:pt>
                <c:pt idx="101">
                  <c:v>0.36089850209999996</c:v>
                </c:pt>
                <c:pt idx="102">
                  <c:v>0.34799006580000003</c:v>
                </c:pt>
                <c:pt idx="103">
                  <c:v>0.3344608248</c:v>
                </c:pt>
                <c:pt idx="104">
                  <c:v>0.32081596559999997</c:v>
                </c:pt>
                <c:pt idx="105">
                  <c:v>0.3077495247</c:v>
                </c:pt>
                <c:pt idx="106">
                  <c:v>0.2948238701</c:v>
                </c:pt>
                <c:pt idx="107">
                  <c:v>0.28211662170000001</c:v>
                </c:pt>
                <c:pt idx="108">
                  <c:v>0.270306781</c:v>
                </c:pt>
                <c:pt idx="109">
                  <c:v>0.25832378859999999</c:v>
                </c:pt>
                <c:pt idx="110">
                  <c:v>0.24719059470000002</c:v>
                </c:pt>
                <c:pt idx="111">
                  <c:v>0.23553165800000003</c:v>
                </c:pt>
                <c:pt idx="112">
                  <c:v>0.2246657759</c:v>
                </c:pt>
                <c:pt idx="113">
                  <c:v>0.21352395409999997</c:v>
                </c:pt>
                <c:pt idx="114">
                  <c:v>0.20243111249999998</c:v>
                </c:pt>
                <c:pt idx="115">
                  <c:v>0.19204191859999997</c:v>
                </c:pt>
                <c:pt idx="116">
                  <c:v>0.18209627270000001</c:v>
                </c:pt>
                <c:pt idx="117">
                  <c:v>0.17283712330000001</c:v>
                </c:pt>
                <c:pt idx="118">
                  <c:v>0.16382990780000001</c:v>
                </c:pt>
                <c:pt idx="119">
                  <c:v>0.15503567460000001</c:v>
                </c:pt>
                <c:pt idx="120">
                  <c:v>0.14737546439999999</c:v>
                </c:pt>
                <c:pt idx="121">
                  <c:v>0.1404184252</c:v>
                </c:pt>
                <c:pt idx="122">
                  <c:v>0.13395088910000003</c:v>
                </c:pt>
                <c:pt idx="123">
                  <c:v>0.12762050330000002</c:v>
                </c:pt>
                <c:pt idx="124">
                  <c:v>0.12254737320000003</c:v>
                </c:pt>
                <c:pt idx="125">
                  <c:v>0.11827005439999999</c:v>
                </c:pt>
                <c:pt idx="126">
                  <c:v>0.1136943698</c:v>
                </c:pt>
                <c:pt idx="127">
                  <c:v>0.11050598320000002</c:v>
                </c:pt>
                <c:pt idx="128">
                  <c:v>0.10821107030000002</c:v>
                </c:pt>
                <c:pt idx="129">
                  <c:v>0.10844659809999999</c:v>
                </c:pt>
                <c:pt idx="130">
                  <c:v>0.10801821949999998</c:v>
                </c:pt>
                <c:pt idx="131">
                  <c:v>0.10879415279999999</c:v>
                </c:pt>
                <c:pt idx="132">
                  <c:v>0.10870079700000002</c:v>
                </c:pt>
                <c:pt idx="133">
                  <c:v>0.11010515689999997</c:v>
                </c:pt>
                <c:pt idx="134">
                  <c:v>0.11085228620000001</c:v>
                </c:pt>
                <c:pt idx="135">
                  <c:v>0.11051030449999999</c:v>
                </c:pt>
                <c:pt idx="136">
                  <c:v>0.11252731090000001</c:v>
                </c:pt>
                <c:pt idx="137">
                  <c:v>0.11270307009999997</c:v>
                </c:pt>
                <c:pt idx="138">
                  <c:v>0.11556005480000003</c:v>
                </c:pt>
                <c:pt idx="139">
                  <c:v>0.11489881570000002</c:v>
                </c:pt>
                <c:pt idx="140">
                  <c:v>0.11580984290000002</c:v>
                </c:pt>
                <c:pt idx="141">
                  <c:v>0.11510939890000002</c:v>
                </c:pt>
                <c:pt idx="142">
                  <c:v>0.11631217600000002</c:v>
                </c:pt>
                <c:pt idx="143">
                  <c:v>0.11739099019999999</c:v>
                </c:pt>
                <c:pt idx="144">
                  <c:v>0.11651489140000001</c:v>
                </c:pt>
                <c:pt idx="145">
                  <c:v>0.11688673500000002</c:v>
                </c:pt>
                <c:pt idx="146">
                  <c:v>0.1167000681</c:v>
                </c:pt>
                <c:pt idx="147">
                  <c:v>0.11635099350000003</c:v>
                </c:pt>
                <c:pt idx="148">
                  <c:v>0.1160291433</c:v>
                </c:pt>
                <c:pt idx="149">
                  <c:v>0.11554561550000003</c:v>
                </c:pt>
                <c:pt idx="150">
                  <c:v>0.11529231070000001</c:v>
                </c:pt>
                <c:pt idx="151">
                  <c:v>0.11556205150000004</c:v>
                </c:pt>
                <c:pt idx="152">
                  <c:v>0.11509215830000002</c:v>
                </c:pt>
                <c:pt idx="153">
                  <c:v>0.1160654277</c:v>
                </c:pt>
                <c:pt idx="154">
                  <c:v>0.1172126979</c:v>
                </c:pt>
                <c:pt idx="155">
                  <c:v>0.11953718960000001</c:v>
                </c:pt>
                <c:pt idx="156">
                  <c:v>0.12218864260000001</c:v>
                </c:pt>
                <c:pt idx="157">
                  <c:v>0.12713113430000003</c:v>
                </c:pt>
                <c:pt idx="158">
                  <c:v>0.1328185499</c:v>
                </c:pt>
                <c:pt idx="159">
                  <c:v>0.14012230939999998</c:v>
                </c:pt>
                <c:pt idx="160">
                  <c:v>0.14983190600000001</c:v>
                </c:pt>
                <c:pt idx="161">
                  <c:v>0.16025276480000003</c:v>
                </c:pt>
                <c:pt idx="162">
                  <c:v>0.17037615179999999</c:v>
                </c:pt>
                <c:pt idx="163">
                  <c:v>0.18072272840000003</c:v>
                </c:pt>
                <c:pt idx="164">
                  <c:v>0.18888290229999999</c:v>
                </c:pt>
                <c:pt idx="165">
                  <c:v>0.19456951320000002</c:v>
                </c:pt>
                <c:pt idx="166">
                  <c:v>0.19995252789999998</c:v>
                </c:pt>
                <c:pt idx="167">
                  <c:v>0.20305462179999997</c:v>
                </c:pt>
                <c:pt idx="168">
                  <c:v>0.20659436280000001</c:v>
                </c:pt>
                <c:pt idx="169">
                  <c:v>0.211590007</c:v>
                </c:pt>
                <c:pt idx="170">
                  <c:v>0.21768710020000001</c:v>
                </c:pt>
                <c:pt idx="171">
                  <c:v>0.22688508039999997</c:v>
                </c:pt>
                <c:pt idx="172">
                  <c:v>0.2355920672</c:v>
                </c:pt>
                <c:pt idx="173">
                  <c:v>0.24678467209999999</c:v>
                </c:pt>
                <c:pt idx="174">
                  <c:v>0.26093596219999998</c:v>
                </c:pt>
              </c:numCache>
            </c:numRef>
          </c:yVal>
          <c:smooth val="1"/>
          <c:extLst>
            <c:ext xmlns:c16="http://schemas.microsoft.com/office/drawing/2014/chart" uri="{C3380CC4-5D6E-409C-BE32-E72D297353CC}">
              <c16:uniqueId val="{00000003-A415-4ECF-917B-4C54DA15B2EC}"/>
            </c:ext>
          </c:extLst>
        </c:ser>
        <c:ser>
          <c:idx val="4"/>
          <c:order val="4"/>
          <c:tx>
            <c:strRef>
              <c:f>'Part 3'!$K$33</c:f>
              <c:strCache>
                <c:ptCount val="1"/>
                <c:pt idx="0">
                  <c:v>Sample 5</c:v>
                </c:pt>
              </c:strCache>
            </c:strRef>
          </c:tx>
          <c:spPr>
            <a:ln w="19050" cap="rnd">
              <a:solidFill>
                <a:schemeClr val="accent5"/>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3:$GD$33</c:f>
              <c:numCache>
                <c:formatCode>General</c:formatCode>
                <c:ptCount val="175"/>
                <c:pt idx="0">
                  <c:v>1.4463104350000006E-2</c:v>
                </c:pt>
                <c:pt idx="1">
                  <c:v>1.5462592220000002E-2</c:v>
                </c:pt>
                <c:pt idx="2">
                  <c:v>1.6385369029999999E-2</c:v>
                </c:pt>
                <c:pt idx="3">
                  <c:v>1.7414808249999997E-2</c:v>
                </c:pt>
                <c:pt idx="4">
                  <c:v>1.8864803040000003E-2</c:v>
                </c:pt>
                <c:pt idx="5">
                  <c:v>2.0119033780000004E-2</c:v>
                </c:pt>
                <c:pt idx="6">
                  <c:v>2.1890558269999999E-2</c:v>
                </c:pt>
                <c:pt idx="7">
                  <c:v>2.3852087600000002E-2</c:v>
                </c:pt>
                <c:pt idx="8">
                  <c:v>2.5784291360000003E-2</c:v>
                </c:pt>
                <c:pt idx="9">
                  <c:v>2.8403654729999991E-2</c:v>
                </c:pt>
                <c:pt idx="10">
                  <c:v>3.0730560389999995E-2</c:v>
                </c:pt>
                <c:pt idx="11">
                  <c:v>3.3380091139999998E-2</c:v>
                </c:pt>
                <c:pt idx="12">
                  <c:v>3.6750778550000002E-2</c:v>
                </c:pt>
                <c:pt idx="13">
                  <c:v>3.9997771329999987E-2</c:v>
                </c:pt>
                <c:pt idx="14">
                  <c:v>4.4081747490000003E-2</c:v>
                </c:pt>
                <c:pt idx="15">
                  <c:v>4.8403926230000005E-2</c:v>
                </c:pt>
                <c:pt idx="16">
                  <c:v>5.3451359310000016E-2</c:v>
                </c:pt>
                <c:pt idx="17">
                  <c:v>5.8560609829999999E-2</c:v>
                </c:pt>
                <c:pt idx="18">
                  <c:v>6.4203336809999983E-2</c:v>
                </c:pt>
                <c:pt idx="19">
                  <c:v>7.048223910000001E-2</c:v>
                </c:pt>
                <c:pt idx="20">
                  <c:v>7.7481471100000004E-2</c:v>
                </c:pt>
                <c:pt idx="21">
                  <c:v>8.5161298499999996E-2</c:v>
                </c:pt>
                <c:pt idx="22">
                  <c:v>9.3808010199999986E-2</c:v>
                </c:pt>
                <c:pt idx="23">
                  <c:v>0.1032755524</c:v>
                </c:pt>
                <c:pt idx="24">
                  <c:v>0.11347258089999998</c:v>
                </c:pt>
                <c:pt idx="25">
                  <c:v>0.12519568210000001</c:v>
                </c:pt>
                <c:pt idx="26">
                  <c:v>0.13812722259999999</c:v>
                </c:pt>
                <c:pt idx="27">
                  <c:v>0.15253183989999997</c:v>
                </c:pt>
                <c:pt idx="28">
                  <c:v>0.16914073380000003</c:v>
                </c:pt>
                <c:pt idx="29">
                  <c:v>0.18740597370000001</c:v>
                </c:pt>
                <c:pt idx="30">
                  <c:v>0.207584247</c:v>
                </c:pt>
                <c:pt idx="31">
                  <c:v>0.22974123810000002</c:v>
                </c:pt>
                <c:pt idx="32">
                  <c:v>0.25362681599999998</c:v>
                </c:pt>
                <c:pt idx="33">
                  <c:v>0.2790199444</c:v>
                </c:pt>
                <c:pt idx="34">
                  <c:v>0.30508864680000003</c:v>
                </c:pt>
                <c:pt idx="35">
                  <c:v>0.33056665210000002</c:v>
                </c:pt>
                <c:pt idx="36">
                  <c:v>0.35465314240000001</c:v>
                </c:pt>
                <c:pt idx="37">
                  <c:v>0.37647195899999997</c:v>
                </c:pt>
                <c:pt idx="38">
                  <c:v>0.39533063759999998</c:v>
                </c:pt>
                <c:pt idx="39">
                  <c:v>0.41160181909999999</c:v>
                </c:pt>
                <c:pt idx="40">
                  <c:v>0.42469826340000005</c:v>
                </c:pt>
                <c:pt idx="41">
                  <c:v>0.43588384990000001</c:v>
                </c:pt>
                <c:pt idx="42">
                  <c:v>0.44584702700000001</c:v>
                </c:pt>
                <c:pt idx="43">
                  <c:v>0.45527271180000006</c:v>
                </c:pt>
                <c:pt idx="44">
                  <c:v>0.46463726460000004</c:v>
                </c:pt>
                <c:pt idx="45">
                  <c:v>0.47431286430000003</c:v>
                </c:pt>
                <c:pt idx="46">
                  <c:v>0.48359800130000002</c:v>
                </c:pt>
                <c:pt idx="47">
                  <c:v>0.49283505970000008</c:v>
                </c:pt>
                <c:pt idx="48">
                  <c:v>0.50153187660000009</c:v>
                </c:pt>
                <c:pt idx="49">
                  <c:v>0.50906015939999993</c:v>
                </c:pt>
                <c:pt idx="50">
                  <c:v>0.51579573010000002</c:v>
                </c:pt>
                <c:pt idx="51">
                  <c:v>0.52091122419999991</c:v>
                </c:pt>
                <c:pt idx="52">
                  <c:v>0.52460734539999998</c:v>
                </c:pt>
                <c:pt idx="53">
                  <c:v>0.52702783799999997</c:v>
                </c:pt>
                <c:pt idx="54">
                  <c:v>0.52823997290000002</c:v>
                </c:pt>
                <c:pt idx="55">
                  <c:v>0.52712349590000007</c:v>
                </c:pt>
                <c:pt idx="56">
                  <c:v>0.52482763669999999</c:v>
                </c:pt>
                <c:pt idx="57">
                  <c:v>0.52090299129999995</c:v>
                </c:pt>
                <c:pt idx="58">
                  <c:v>0.51622308049999999</c:v>
                </c:pt>
                <c:pt idx="59">
                  <c:v>0.51100975280000005</c:v>
                </c:pt>
                <c:pt idx="60">
                  <c:v>0.50536241380000002</c:v>
                </c:pt>
                <c:pt idx="61">
                  <c:v>0.49974101790000003</c:v>
                </c:pt>
                <c:pt idx="62">
                  <c:v>0.49424102900000005</c:v>
                </c:pt>
                <c:pt idx="63">
                  <c:v>0.48907423019999996</c:v>
                </c:pt>
                <c:pt idx="64">
                  <c:v>0.4835389927</c:v>
                </c:pt>
                <c:pt idx="65">
                  <c:v>0.47886718070000001</c:v>
                </c:pt>
                <c:pt idx="66">
                  <c:v>0.4741931855</c:v>
                </c:pt>
                <c:pt idx="67">
                  <c:v>0.46969629820000003</c:v>
                </c:pt>
                <c:pt idx="68">
                  <c:v>0.46639919279999997</c:v>
                </c:pt>
                <c:pt idx="69">
                  <c:v>0.46345341950000007</c:v>
                </c:pt>
                <c:pt idx="70">
                  <c:v>0.46191876379999997</c:v>
                </c:pt>
                <c:pt idx="71">
                  <c:v>0.46132405850000002</c:v>
                </c:pt>
                <c:pt idx="72">
                  <c:v>0.46227607879999999</c:v>
                </c:pt>
                <c:pt idx="73">
                  <c:v>0.46480765940000002</c:v>
                </c:pt>
                <c:pt idx="74">
                  <c:v>0.46857387580000004</c:v>
                </c:pt>
                <c:pt idx="75">
                  <c:v>0.47396854309999997</c:v>
                </c:pt>
                <c:pt idx="76">
                  <c:v>0.48026029770000001</c:v>
                </c:pt>
                <c:pt idx="77">
                  <c:v>0.4882614314</c:v>
                </c:pt>
                <c:pt idx="78">
                  <c:v>0.49725971369999999</c:v>
                </c:pt>
                <c:pt idx="79">
                  <c:v>0.5071908906</c:v>
                </c:pt>
                <c:pt idx="80">
                  <c:v>0.51753444969999995</c:v>
                </c:pt>
                <c:pt idx="81">
                  <c:v>0.52855735270000004</c:v>
                </c:pt>
                <c:pt idx="82">
                  <c:v>0.53956788030000002</c:v>
                </c:pt>
                <c:pt idx="83">
                  <c:v>0.55060610919999997</c:v>
                </c:pt>
                <c:pt idx="84">
                  <c:v>0.5615655705</c:v>
                </c:pt>
                <c:pt idx="85">
                  <c:v>0.57157176730000003</c:v>
                </c:pt>
                <c:pt idx="86">
                  <c:v>0.58072134100000006</c:v>
                </c:pt>
                <c:pt idx="87">
                  <c:v>0.58836374430000005</c:v>
                </c:pt>
                <c:pt idx="88">
                  <c:v>0.59467454259999997</c:v>
                </c:pt>
                <c:pt idx="89">
                  <c:v>0.59879496700000001</c:v>
                </c:pt>
                <c:pt idx="90">
                  <c:v>0.60054685929999996</c:v>
                </c:pt>
                <c:pt idx="91">
                  <c:v>0.60043831920000001</c:v>
                </c:pt>
                <c:pt idx="92">
                  <c:v>0.59824244680000005</c:v>
                </c:pt>
                <c:pt idx="93">
                  <c:v>0.59404680129999998</c:v>
                </c:pt>
                <c:pt idx="94">
                  <c:v>0.58742600680000001</c:v>
                </c:pt>
                <c:pt idx="95">
                  <c:v>0.57929715510000002</c:v>
                </c:pt>
                <c:pt idx="96">
                  <c:v>0.56883305309999999</c:v>
                </c:pt>
                <c:pt idx="97">
                  <c:v>0.55652309950000001</c:v>
                </c:pt>
                <c:pt idx="98">
                  <c:v>0.54380075630000002</c:v>
                </c:pt>
                <c:pt idx="99">
                  <c:v>0.52952915430000003</c:v>
                </c:pt>
                <c:pt idx="100">
                  <c:v>0.51390083139999998</c:v>
                </c:pt>
                <c:pt idx="101">
                  <c:v>0.49763945489999994</c:v>
                </c:pt>
                <c:pt idx="102">
                  <c:v>0.48051375149999997</c:v>
                </c:pt>
                <c:pt idx="103">
                  <c:v>0.46272182470000001</c:v>
                </c:pt>
                <c:pt idx="104">
                  <c:v>0.44471760100000002</c:v>
                </c:pt>
                <c:pt idx="105">
                  <c:v>0.42710898820000004</c:v>
                </c:pt>
                <c:pt idx="106">
                  <c:v>0.40947543089999999</c:v>
                </c:pt>
                <c:pt idx="107">
                  <c:v>0.39202639460000005</c:v>
                </c:pt>
                <c:pt idx="108">
                  <c:v>0.37581245600000002</c:v>
                </c:pt>
                <c:pt idx="109">
                  <c:v>0.3590016365</c:v>
                </c:pt>
                <c:pt idx="110">
                  <c:v>0.34279924630000003</c:v>
                </c:pt>
                <c:pt idx="111">
                  <c:v>0.32651206850000003</c:v>
                </c:pt>
                <c:pt idx="112">
                  <c:v>0.31047986449999998</c:v>
                </c:pt>
                <c:pt idx="113">
                  <c:v>0.29456633329999998</c:v>
                </c:pt>
                <c:pt idx="114">
                  <c:v>0.27812924979999998</c:v>
                </c:pt>
                <c:pt idx="115">
                  <c:v>0.2626236528</c:v>
                </c:pt>
                <c:pt idx="116">
                  <c:v>0.24779039619999998</c:v>
                </c:pt>
                <c:pt idx="117">
                  <c:v>0.2331340462</c:v>
                </c:pt>
                <c:pt idx="118">
                  <c:v>0.21905253829999999</c:v>
                </c:pt>
                <c:pt idx="119">
                  <c:v>0.20557054879999997</c:v>
                </c:pt>
                <c:pt idx="120">
                  <c:v>0.19221544270000002</c:v>
                </c:pt>
                <c:pt idx="121">
                  <c:v>0.18111602959999998</c:v>
                </c:pt>
                <c:pt idx="122">
                  <c:v>0.16934442519999998</c:v>
                </c:pt>
                <c:pt idx="123">
                  <c:v>0.15869043760000001</c:v>
                </c:pt>
                <c:pt idx="124">
                  <c:v>0.1492078751</c:v>
                </c:pt>
                <c:pt idx="125">
                  <c:v>0.1408287137</c:v>
                </c:pt>
                <c:pt idx="126">
                  <c:v>0.13096182049999996</c:v>
                </c:pt>
                <c:pt idx="127">
                  <c:v>0.12134797870000003</c:v>
                </c:pt>
                <c:pt idx="128">
                  <c:v>0.11723630129999998</c:v>
                </c:pt>
                <c:pt idx="129">
                  <c:v>0.1112561077</c:v>
                </c:pt>
                <c:pt idx="130">
                  <c:v>0.1071816683</c:v>
                </c:pt>
                <c:pt idx="131">
                  <c:v>0.10345329349999999</c:v>
                </c:pt>
                <c:pt idx="132">
                  <c:v>0.10144102569999999</c:v>
                </c:pt>
                <c:pt idx="133">
                  <c:v>9.8805934200000001E-2</c:v>
                </c:pt>
                <c:pt idx="134">
                  <c:v>9.665749970000001E-2</c:v>
                </c:pt>
                <c:pt idx="135">
                  <c:v>9.4583690100000006E-2</c:v>
                </c:pt>
                <c:pt idx="136">
                  <c:v>9.2519775100000007E-2</c:v>
                </c:pt>
                <c:pt idx="137">
                  <c:v>9.129348399999998E-2</c:v>
                </c:pt>
                <c:pt idx="138">
                  <c:v>9.1190978899999997E-2</c:v>
                </c:pt>
                <c:pt idx="139">
                  <c:v>9.0243413999999994E-2</c:v>
                </c:pt>
                <c:pt idx="140">
                  <c:v>8.9927032600000012E-2</c:v>
                </c:pt>
                <c:pt idx="141">
                  <c:v>8.8693141900000022E-2</c:v>
                </c:pt>
                <c:pt idx="142">
                  <c:v>8.8854774800000008E-2</c:v>
                </c:pt>
                <c:pt idx="143">
                  <c:v>9.0312629899999997E-2</c:v>
                </c:pt>
                <c:pt idx="144">
                  <c:v>9.1403111799999992E-2</c:v>
                </c:pt>
                <c:pt idx="145">
                  <c:v>9.2039346699999997E-2</c:v>
                </c:pt>
                <c:pt idx="146">
                  <c:v>9.3307241799999996E-2</c:v>
                </c:pt>
                <c:pt idx="147">
                  <c:v>9.4284549400000001E-2</c:v>
                </c:pt>
                <c:pt idx="148">
                  <c:v>9.5095545000000004E-2</c:v>
                </c:pt>
                <c:pt idx="149">
                  <c:v>9.6180096200000009E-2</c:v>
                </c:pt>
                <c:pt idx="150">
                  <c:v>9.6595913099999986E-2</c:v>
                </c:pt>
                <c:pt idx="151">
                  <c:v>9.6940815399999991E-2</c:v>
                </c:pt>
                <c:pt idx="152">
                  <c:v>9.7893387100000007E-2</c:v>
                </c:pt>
                <c:pt idx="153">
                  <c:v>9.9292084599999997E-2</c:v>
                </c:pt>
                <c:pt idx="154">
                  <c:v>0.10109986370000001</c:v>
                </c:pt>
                <c:pt idx="155">
                  <c:v>0.1031817347</c:v>
                </c:pt>
                <c:pt idx="156">
                  <c:v>0.10522083939999999</c:v>
                </c:pt>
                <c:pt idx="157">
                  <c:v>0.10862228269999999</c:v>
                </c:pt>
                <c:pt idx="158">
                  <c:v>0.11234164240000002</c:v>
                </c:pt>
                <c:pt idx="159">
                  <c:v>0.11775802079999997</c:v>
                </c:pt>
                <c:pt idx="160">
                  <c:v>0.1234802753</c:v>
                </c:pt>
                <c:pt idx="161">
                  <c:v>0.12992890170000002</c:v>
                </c:pt>
                <c:pt idx="162">
                  <c:v>0.13578671219999999</c:v>
                </c:pt>
                <c:pt idx="163">
                  <c:v>0.14191900190000001</c:v>
                </c:pt>
                <c:pt idx="164">
                  <c:v>0.14685027299999998</c:v>
                </c:pt>
                <c:pt idx="165">
                  <c:v>0.15080596510000002</c:v>
                </c:pt>
                <c:pt idx="166">
                  <c:v>0.15496970709999999</c:v>
                </c:pt>
                <c:pt idx="167">
                  <c:v>0.1586044878</c:v>
                </c:pt>
                <c:pt idx="168">
                  <c:v>0.16317190229999998</c:v>
                </c:pt>
                <c:pt idx="169">
                  <c:v>0.17027531570000001</c:v>
                </c:pt>
                <c:pt idx="170">
                  <c:v>0.1791483462</c:v>
                </c:pt>
                <c:pt idx="171">
                  <c:v>0.19155651329999998</c:v>
                </c:pt>
                <c:pt idx="172">
                  <c:v>0.2037796378</c:v>
                </c:pt>
                <c:pt idx="173">
                  <c:v>0.21853412680000001</c:v>
                </c:pt>
                <c:pt idx="174">
                  <c:v>0.23458907000000001</c:v>
                </c:pt>
              </c:numCache>
            </c:numRef>
          </c:yVal>
          <c:smooth val="1"/>
          <c:extLst>
            <c:ext xmlns:c16="http://schemas.microsoft.com/office/drawing/2014/chart" uri="{C3380CC4-5D6E-409C-BE32-E72D297353CC}">
              <c16:uniqueId val="{00000004-A415-4ECF-917B-4C54DA15B2EC}"/>
            </c:ext>
          </c:extLst>
        </c:ser>
        <c:ser>
          <c:idx val="5"/>
          <c:order val="5"/>
          <c:tx>
            <c:strRef>
              <c:f>'Part 3'!$K$34</c:f>
              <c:strCache>
                <c:ptCount val="1"/>
                <c:pt idx="0">
                  <c:v>Sample 6</c:v>
                </c:pt>
              </c:strCache>
            </c:strRef>
          </c:tx>
          <c:spPr>
            <a:ln w="19050" cap="rnd">
              <a:solidFill>
                <a:schemeClr val="accent6"/>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4:$GD$34</c:f>
              <c:numCache>
                <c:formatCode>General</c:formatCode>
                <c:ptCount val="175"/>
                <c:pt idx="0">
                  <c:v>1.8002629249999999E-2</c:v>
                </c:pt>
                <c:pt idx="1">
                  <c:v>1.9028231519999994E-2</c:v>
                </c:pt>
                <c:pt idx="2">
                  <c:v>2.0210191629999999E-2</c:v>
                </c:pt>
                <c:pt idx="3">
                  <c:v>2.1408051250000004E-2</c:v>
                </c:pt>
                <c:pt idx="4">
                  <c:v>2.2843495040000009E-2</c:v>
                </c:pt>
                <c:pt idx="5">
                  <c:v>2.4746187079999996E-2</c:v>
                </c:pt>
                <c:pt idx="6">
                  <c:v>2.6692152070000003E-2</c:v>
                </c:pt>
                <c:pt idx="7">
                  <c:v>2.9148109300000016E-2</c:v>
                </c:pt>
                <c:pt idx="8">
                  <c:v>3.1348556259999993E-2</c:v>
                </c:pt>
                <c:pt idx="9">
                  <c:v>3.4221962129999992E-2</c:v>
                </c:pt>
                <c:pt idx="10">
                  <c:v>3.703062238999999E-2</c:v>
                </c:pt>
                <c:pt idx="11">
                  <c:v>4.0562689339999999E-2</c:v>
                </c:pt>
                <c:pt idx="12">
                  <c:v>4.4308722049999999E-2</c:v>
                </c:pt>
                <c:pt idx="13">
                  <c:v>4.8109710229999991E-2</c:v>
                </c:pt>
                <c:pt idx="14">
                  <c:v>5.3371891389999995E-2</c:v>
                </c:pt>
                <c:pt idx="15">
                  <c:v>5.8570556329999995E-2</c:v>
                </c:pt>
                <c:pt idx="16">
                  <c:v>6.4476192010000002E-2</c:v>
                </c:pt>
                <c:pt idx="17">
                  <c:v>7.1097821030000008E-2</c:v>
                </c:pt>
                <c:pt idx="18">
                  <c:v>7.8469336010000001E-2</c:v>
                </c:pt>
                <c:pt idx="19">
                  <c:v>8.6881846200000001E-2</c:v>
                </c:pt>
                <c:pt idx="20">
                  <c:v>9.6015639699999988E-2</c:v>
                </c:pt>
                <c:pt idx="21">
                  <c:v>0.1066704542</c:v>
                </c:pt>
                <c:pt idx="22">
                  <c:v>0.1182748824</c:v>
                </c:pt>
                <c:pt idx="23">
                  <c:v>0.1312678903</c:v>
                </c:pt>
                <c:pt idx="24">
                  <c:v>0.14600606269999999</c:v>
                </c:pt>
                <c:pt idx="25">
                  <c:v>0.16288749870000002</c:v>
                </c:pt>
                <c:pt idx="26">
                  <c:v>0.18192814289999998</c:v>
                </c:pt>
                <c:pt idx="27">
                  <c:v>0.20333851129999997</c:v>
                </c:pt>
                <c:pt idx="28">
                  <c:v>0.22746131570000003</c:v>
                </c:pt>
                <c:pt idx="29">
                  <c:v>0.25419083240000001</c:v>
                </c:pt>
                <c:pt idx="30">
                  <c:v>0.28343866769999998</c:v>
                </c:pt>
                <c:pt idx="31">
                  <c:v>0.31440737099999999</c:v>
                </c:pt>
                <c:pt idx="32">
                  <c:v>0.34677558389999996</c:v>
                </c:pt>
                <c:pt idx="33">
                  <c:v>0.37884595250000003</c:v>
                </c:pt>
                <c:pt idx="34">
                  <c:v>0.40972474970000006</c:v>
                </c:pt>
                <c:pt idx="35">
                  <c:v>0.43834263829999998</c:v>
                </c:pt>
                <c:pt idx="36">
                  <c:v>0.46332591029999998</c:v>
                </c:pt>
                <c:pt idx="37">
                  <c:v>0.48490097369999996</c:v>
                </c:pt>
                <c:pt idx="38">
                  <c:v>0.50308898089999998</c:v>
                </c:pt>
                <c:pt idx="39">
                  <c:v>0.51870433250000003</c:v>
                </c:pt>
                <c:pt idx="40">
                  <c:v>0.53202155230000003</c:v>
                </c:pt>
                <c:pt idx="41">
                  <c:v>0.54497280719999996</c:v>
                </c:pt>
                <c:pt idx="42">
                  <c:v>0.5577478334</c:v>
                </c:pt>
                <c:pt idx="43">
                  <c:v>0.57076130069999997</c:v>
                </c:pt>
                <c:pt idx="44">
                  <c:v>0.58463387189999994</c:v>
                </c:pt>
                <c:pt idx="45">
                  <c:v>0.59877999879999999</c:v>
                </c:pt>
                <c:pt idx="46">
                  <c:v>0.61256218700000009</c:v>
                </c:pt>
                <c:pt idx="47">
                  <c:v>0.62599940590000003</c:v>
                </c:pt>
                <c:pt idx="48">
                  <c:v>0.63829276710000005</c:v>
                </c:pt>
                <c:pt idx="49">
                  <c:v>0.64848722520000002</c:v>
                </c:pt>
                <c:pt idx="50">
                  <c:v>0.65715720510000009</c:v>
                </c:pt>
                <c:pt idx="51">
                  <c:v>0.66349906479999998</c:v>
                </c:pt>
                <c:pt idx="52">
                  <c:v>0.66770051419999998</c:v>
                </c:pt>
                <c:pt idx="53">
                  <c:v>0.66937123990000003</c:v>
                </c:pt>
                <c:pt idx="54">
                  <c:v>0.66883695880000005</c:v>
                </c:pt>
                <c:pt idx="55">
                  <c:v>0.66555933649999999</c:v>
                </c:pt>
                <c:pt idx="56">
                  <c:v>0.66040269280000008</c:v>
                </c:pt>
                <c:pt idx="57">
                  <c:v>0.65371650459999997</c:v>
                </c:pt>
                <c:pt idx="58">
                  <c:v>0.64680851250000004</c:v>
                </c:pt>
                <c:pt idx="59">
                  <c:v>0.63949972389999998</c:v>
                </c:pt>
                <c:pt idx="60">
                  <c:v>0.63210245219999994</c:v>
                </c:pt>
                <c:pt idx="61">
                  <c:v>0.62468457229999996</c:v>
                </c:pt>
                <c:pt idx="62">
                  <c:v>0.61707040670000002</c:v>
                </c:pt>
                <c:pt idx="63">
                  <c:v>0.6093264222</c:v>
                </c:pt>
                <c:pt idx="64">
                  <c:v>0.60064566880000003</c:v>
                </c:pt>
                <c:pt idx="65">
                  <c:v>0.5919160322</c:v>
                </c:pt>
                <c:pt idx="66">
                  <c:v>0.58285716170000001</c:v>
                </c:pt>
                <c:pt idx="67">
                  <c:v>0.57353635130000002</c:v>
                </c:pt>
                <c:pt idx="68">
                  <c:v>0.56459057329999995</c:v>
                </c:pt>
                <c:pt idx="69">
                  <c:v>0.55620361110000005</c:v>
                </c:pt>
                <c:pt idx="70">
                  <c:v>0.54851274940000005</c:v>
                </c:pt>
                <c:pt idx="71">
                  <c:v>0.54205646360000004</c:v>
                </c:pt>
                <c:pt idx="72">
                  <c:v>0.53704831750000004</c:v>
                </c:pt>
                <c:pt idx="73">
                  <c:v>0.53308978680000008</c:v>
                </c:pt>
                <c:pt idx="74">
                  <c:v>0.53066457070000006</c:v>
                </c:pt>
                <c:pt idx="75">
                  <c:v>0.52979198839999997</c:v>
                </c:pt>
                <c:pt idx="76">
                  <c:v>0.52919803560000001</c:v>
                </c:pt>
                <c:pt idx="77">
                  <c:v>0.53055420509999995</c:v>
                </c:pt>
                <c:pt idx="78">
                  <c:v>0.53241977839999999</c:v>
                </c:pt>
                <c:pt idx="79">
                  <c:v>0.53517664219999994</c:v>
                </c:pt>
                <c:pt idx="80">
                  <c:v>0.53860737390000002</c:v>
                </c:pt>
                <c:pt idx="81">
                  <c:v>0.54237007349999999</c:v>
                </c:pt>
                <c:pt idx="82">
                  <c:v>0.54646598550000003</c:v>
                </c:pt>
                <c:pt idx="83">
                  <c:v>0.55057928709999993</c:v>
                </c:pt>
                <c:pt idx="84">
                  <c:v>0.5547736808</c:v>
                </c:pt>
                <c:pt idx="85">
                  <c:v>0.55814051629999994</c:v>
                </c:pt>
                <c:pt idx="86">
                  <c:v>0.56146391480000002</c:v>
                </c:pt>
                <c:pt idx="87">
                  <c:v>0.56335560230000004</c:v>
                </c:pt>
                <c:pt idx="88">
                  <c:v>0.56421072779999992</c:v>
                </c:pt>
                <c:pt idx="89">
                  <c:v>0.56407275800000001</c:v>
                </c:pt>
                <c:pt idx="90">
                  <c:v>0.56147309400000001</c:v>
                </c:pt>
                <c:pt idx="91">
                  <c:v>0.5578404293</c:v>
                </c:pt>
                <c:pt idx="92">
                  <c:v>0.55247877540000001</c:v>
                </c:pt>
                <c:pt idx="93">
                  <c:v>0.54519501329999998</c:v>
                </c:pt>
                <c:pt idx="94">
                  <c:v>0.53710919619999997</c:v>
                </c:pt>
                <c:pt idx="95">
                  <c:v>0.52747187019999997</c:v>
                </c:pt>
                <c:pt idx="96">
                  <c:v>0.51622349020000002</c:v>
                </c:pt>
                <c:pt idx="97">
                  <c:v>0.50358821450000002</c:v>
                </c:pt>
                <c:pt idx="98">
                  <c:v>0.49052987990000008</c:v>
                </c:pt>
                <c:pt idx="99">
                  <c:v>0.47644102570000002</c:v>
                </c:pt>
                <c:pt idx="100">
                  <c:v>0.46135528390000002</c:v>
                </c:pt>
                <c:pt idx="101">
                  <c:v>0.44621101759999993</c:v>
                </c:pt>
                <c:pt idx="102">
                  <c:v>0.43047165870000004</c:v>
                </c:pt>
                <c:pt idx="103">
                  <c:v>0.41425710920000003</c:v>
                </c:pt>
                <c:pt idx="104">
                  <c:v>0.39762754739999995</c:v>
                </c:pt>
                <c:pt idx="105">
                  <c:v>0.38159225879999997</c:v>
                </c:pt>
                <c:pt idx="106">
                  <c:v>0.36592008170000001</c:v>
                </c:pt>
                <c:pt idx="107">
                  <c:v>0.350338608</c:v>
                </c:pt>
                <c:pt idx="108">
                  <c:v>0.33571238819999999</c:v>
                </c:pt>
                <c:pt idx="109">
                  <c:v>0.32107269760000001</c:v>
                </c:pt>
                <c:pt idx="110">
                  <c:v>0.30652487279999996</c:v>
                </c:pt>
                <c:pt idx="111">
                  <c:v>0.2924769223</c:v>
                </c:pt>
                <c:pt idx="112">
                  <c:v>0.27874286469999998</c:v>
                </c:pt>
                <c:pt idx="113">
                  <c:v>0.26481834049999997</c:v>
                </c:pt>
                <c:pt idx="114">
                  <c:v>0.25138166549999996</c:v>
                </c:pt>
                <c:pt idx="115">
                  <c:v>0.237813726</c:v>
                </c:pt>
                <c:pt idx="116">
                  <c:v>0.22516682739999999</c:v>
                </c:pt>
                <c:pt idx="117">
                  <c:v>0.21343706550000002</c:v>
                </c:pt>
                <c:pt idx="118">
                  <c:v>0.20123089849999998</c:v>
                </c:pt>
                <c:pt idx="119">
                  <c:v>0.18987596039999999</c:v>
                </c:pt>
                <c:pt idx="120">
                  <c:v>0.1796776652</c:v>
                </c:pt>
                <c:pt idx="121">
                  <c:v>0.16947276889999999</c:v>
                </c:pt>
                <c:pt idx="122">
                  <c:v>0.16029325129999999</c:v>
                </c:pt>
                <c:pt idx="123">
                  <c:v>0.15164460239999999</c:v>
                </c:pt>
                <c:pt idx="124">
                  <c:v>0.1435387581</c:v>
                </c:pt>
                <c:pt idx="125">
                  <c:v>0.13673593099999998</c:v>
                </c:pt>
                <c:pt idx="126">
                  <c:v>0.13009642069999997</c:v>
                </c:pt>
                <c:pt idx="127">
                  <c:v>0.12366153299999999</c:v>
                </c:pt>
                <c:pt idx="128">
                  <c:v>0.11890734729999999</c:v>
                </c:pt>
                <c:pt idx="129">
                  <c:v>0.11573751269999999</c:v>
                </c:pt>
                <c:pt idx="130">
                  <c:v>0.11257204410000002</c:v>
                </c:pt>
                <c:pt idx="131">
                  <c:v>0.11180420219999998</c:v>
                </c:pt>
                <c:pt idx="132">
                  <c:v>0.11033721269999999</c:v>
                </c:pt>
                <c:pt idx="133">
                  <c:v>0.10858418049999999</c:v>
                </c:pt>
                <c:pt idx="134">
                  <c:v>0.10778830950000001</c:v>
                </c:pt>
                <c:pt idx="135">
                  <c:v>0.1067964136</c:v>
                </c:pt>
                <c:pt idx="136">
                  <c:v>0.10763767359999998</c:v>
                </c:pt>
                <c:pt idx="137">
                  <c:v>0.10756818949999997</c:v>
                </c:pt>
                <c:pt idx="138">
                  <c:v>0.10778796680000002</c:v>
                </c:pt>
                <c:pt idx="139">
                  <c:v>0.1084706932</c:v>
                </c:pt>
                <c:pt idx="140">
                  <c:v>0.1078375131</c:v>
                </c:pt>
                <c:pt idx="141">
                  <c:v>0.10658369949999999</c:v>
                </c:pt>
                <c:pt idx="142">
                  <c:v>0.1070980429</c:v>
                </c:pt>
                <c:pt idx="143">
                  <c:v>0.10775572059999999</c:v>
                </c:pt>
                <c:pt idx="144">
                  <c:v>0.10797691340000001</c:v>
                </c:pt>
                <c:pt idx="145">
                  <c:v>0.107978344</c:v>
                </c:pt>
                <c:pt idx="146">
                  <c:v>0.10898058110000003</c:v>
                </c:pt>
                <c:pt idx="147">
                  <c:v>0.10905487840000003</c:v>
                </c:pt>
                <c:pt idx="148">
                  <c:v>0.1093235612</c:v>
                </c:pt>
                <c:pt idx="149">
                  <c:v>0.10950855910000001</c:v>
                </c:pt>
                <c:pt idx="150">
                  <c:v>0.10998296740000002</c:v>
                </c:pt>
                <c:pt idx="151">
                  <c:v>0.10890203710000002</c:v>
                </c:pt>
                <c:pt idx="152">
                  <c:v>0.10934990649999998</c:v>
                </c:pt>
                <c:pt idx="153">
                  <c:v>0.11047287280000001</c:v>
                </c:pt>
                <c:pt idx="154">
                  <c:v>0.11167027060000001</c:v>
                </c:pt>
                <c:pt idx="155">
                  <c:v>0.11357925830000001</c:v>
                </c:pt>
                <c:pt idx="156">
                  <c:v>0.11665587119999998</c:v>
                </c:pt>
                <c:pt idx="157">
                  <c:v>0.12028983230000004</c:v>
                </c:pt>
                <c:pt idx="158">
                  <c:v>0.12533903119999998</c:v>
                </c:pt>
                <c:pt idx="159">
                  <c:v>0.13206361239999997</c:v>
                </c:pt>
                <c:pt idx="160">
                  <c:v>0.14016236370000001</c:v>
                </c:pt>
                <c:pt idx="161">
                  <c:v>0.14917628460000001</c:v>
                </c:pt>
                <c:pt idx="162">
                  <c:v>0.15766933570000002</c:v>
                </c:pt>
                <c:pt idx="163">
                  <c:v>0.165886268</c:v>
                </c:pt>
                <c:pt idx="164">
                  <c:v>0.17329220480000002</c:v>
                </c:pt>
                <c:pt idx="165">
                  <c:v>0.17838655410000001</c:v>
                </c:pt>
                <c:pt idx="166">
                  <c:v>0.1832723171</c:v>
                </c:pt>
                <c:pt idx="167">
                  <c:v>0.18750898540000002</c:v>
                </c:pt>
                <c:pt idx="168">
                  <c:v>0.19236765800000002</c:v>
                </c:pt>
                <c:pt idx="169">
                  <c:v>0.19978262490000001</c:v>
                </c:pt>
                <c:pt idx="170">
                  <c:v>0.20903781060000001</c:v>
                </c:pt>
                <c:pt idx="171">
                  <c:v>0.22123453019999997</c:v>
                </c:pt>
                <c:pt idx="172">
                  <c:v>0.23349255319999998</c:v>
                </c:pt>
                <c:pt idx="173">
                  <c:v>0.24835352599999999</c:v>
                </c:pt>
                <c:pt idx="174">
                  <c:v>0.26552751660000001</c:v>
                </c:pt>
              </c:numCache>
            </c:numRef>
          </c:yVal>
          <c:smooth val="1"/>
          <c:extLst>
            <c:ext xmlns:c16="http://schemas.microsoft.com/office/drawing/2014/chart" uri="{C3380CC4-5D6E-409C-BE32-E72D297353CC}">
              <c16:uniqueId val="{00000005-A415-4ECF-917B-4C54DA15B2EC}"/>
            </c:ext>
          </c:extLst>
        </c:ser>
        <c:ser>
          <c:idx val="6"/>
          <c:order val="6"/>
          <c:tx>
            <c:strRef>
              <c:f>'Part 3'!$K$35</c:f>
              <c:strCache>
                <c:ptCount val="1"/>
                <c:pt idx="0">
                  <c:v>Sample 7</c:v>
                </c:pt>
              </c:strCache>
            </c:strRef>
          </c:tx>
          <c:spPr>
            <a:ln w="19050" cap="rnd">
              <a:solidFill>
                <a:schemeClr val="accent1">
                  <a:lumMod val="6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5:$GD$35</c:f>
              <c:numCache>
                <c:formatCode>General</c:formatCode>
                <c:ptCount val="175"/>
                <c:pt idx="0">
                  <c:v>1.2549541849999998E-2</c:v>
                </c:pt>
                <c:pt idx="1">
                  <c:v>1.3330131819999994E-2</c:v>
                </c:pt>
                <c:pt idx="2">
                  <c:v>1.4732129829999996E-2</c:v>
                </c:pt>
                <c:pt idx="3">
                  <c:v>1.5683159249999995E-2</c:v>
                </c:pt>
                <c:pt idx="4">
                  <c:v>1.7389424140000012E-2</c:v>
                </c:pt>
                <c:pt idx="5">
                  <c:v>1.8736809479999991E-2</c:v>
                </c:pt>
                <c:pt idx="6">
                  <c:v>2.0480036770000001E-2</c:v>
                </c:pt>
                <c:pt idx="7">
                  <c:v>2.2942125800000004E-2</c:v>
                </c:pt>
                <c:pt idx="8">
                  <c:v>2.4963654560000006E-2</c:v>
                </c:pt>
                <c:pt idx="9">
                  <c:v>2.7327016029999998E-2</c:v>
                </c:pt>
                <c:pt idx="10">
                  <c:v>2.9980540289999996E-2</c:v>
                </c:pt>
                <c:pt idx="11">
                  <c:v>3.3012643440000003E-2</c:v>
                </c:pt>
                <c:pt idx="12">
                  <c:v>3.6294415550000014E-2</c:v>
                </c:pt>
                <c:pt idx="13">
                  <c:v>3.9989948229999989E-2</c:v>
                </c:pt>
                <c:pt idx="14">
                  <c:v>4.4317409389999993E-2</c:v>
                </c:pt>
                <c:pt idx="15">
                  <c:v>4.8856653229999991E-2</c:v>
                </c:pt>
                <c:pt idx="16">
                  <c:v>5.3506940610000012E-2</c:v>
                </c:pt>
                <c:pt idx="17">
                  <c:v>5.9225440029999993E-2</c:v>
                </c:pt>
                <c:pt idx="18">
                  <c:v>6.5129369510000007E-2</c:v>
                </c:pt>
                <c:pt idx="19">
                  <c:v>7.1846634100000001E-2</c:v>
                </c:pt>
                <c:pt idx="20">
                  <c:v>7.936767489999999E-2</c:v>
                </c:pt>
                <c:pt idx="21">
                  <c:v>8.7548732800000015E-2</c:v>
                </c:pt>
                <c:pt idx="22">
                  <c:v>9.7036868299999995E-2</c:v>
                </c:pt>
                <c:pt idx="23">
                  <c:v>0.1073086261</c:v>
                </c:pt>
                <c:pt idx="24">
                  <c:v>0.11855262519999998</c:v>
                </c:pt>
                <c:pt idx="25">
                  <c:v>0.13154542450000001</c:v>
                </c:pt>
                <c:pt idx="26">
                  <c:v>0.14633661510000001</c:v>
                </c:pt>
                <c:pt idx="27">
                  <c:v>0.16253785040000002</c:v>
                </c:pt>
                <c:pt idx="28">
                  <c:v>0.1809732989</c:v>
                </c:pt>
                <c:pt idx="29">
                  <c:v>0.20195823909999999</c:v>
                </c:pt>
                <c:pt idx="30">
                  <c:v>0.22463254630000001</c:v>
                </c:pt>
                <c:pt idx="31">
                  <c:v>0.24902372810000001</c:v>
                </c:pt>
                <c:pt idx="32">
                  <c:v>0.27471684669999996</c:v>
                </c:pt>
                <c:pt idx="33">
                  <c:v>0.30130719390000005</c:v>
                </c:pt>
                <c:pt idx="34">
                  <c:v>0.32804659759999999</c:v>
                </c:pt>
                <c:pt idx="35">
                  <c:v>0.35330379749999996</c:v>
                </c:pt>
                <c:pt idx="36">
                  <c:v>0.37688591329999999</c:v>
                </c:pt>
                <c:pt idx="37">
                  <c:v>0.39801719039999994</c:v>
                </c:pt>
                <c:pt idx="38">
                  <c:v>0.41619244210000006</c:v>
                </c:pt>
                <c:pt idx="39">
                  <c:v>0.43214289099999997</c:v>
                </c:pt>
                <c:pt idx="40">
                  <c:v>0.44548752899999999</c:v>
                </c:pt>
                <c:pt idx="41">
                  <c:v>0.4566486776</c:v>
                </c:pt>
                <c:pt idx="42">
                  <c:v>0.46740501369999998</c:v>
                </c:pt>
                <c:pt idx="43">
                  <c:v>0.4774051681</c:v>
                </c:pt>
                <c:pt idx="44">
                  <c:v>0.48707531389999997</c:v>
                </c:pt>
                <c:pt idx="45">
                  <c:v>0.49693014480000003</c:v>
                </c:pt>
                <c:pt idx="46">
                  <c:v>0.50605154780000006</c:v>
                </c:pt>
                <c:pt idx="47">
                  <c:v>0.51527078450000008</c:v>
                </c:pt>
                <c:pt idx="48">
                  <c:v>0.5236814394</c:v>
                </c:pt>
                <c:pt idx="49">
                  <c:v>0.53081710640000002</c:v>
                </c:pt>
                <c:pt idx="50">
                  <c:v>0.5366035924</c:v>
                </c:pt>
                <c:pt idx="51">
                  <c:v>0.54126317059999995</c:v>
                </c:pt>
                <c:pt idx="52">
                  <c:v>0.54426030810000003</c:v>
                </c:pt>
                <c:pt idx="53">
                  <c:v>0.54562710969999995</c:v>
                </c:pt>
                <c:pt idx="54">
                  <c:v>0.54582072049999997</c:v>
                </c:pt>
                <c:pt idx="55">
                  <c:v>0.54365269840000008</c:v>
                </c:pt>
                <c:pt idx="56">
                  <c:v>0.54011885069999999</c:v>
                </c:pt>
                <c:pt idx="57">
                  <c:v>0.53548204899999996</c:v>
                </c:pt>
                <c:pt idx="58">
                  <c:v>0.52979893239999998</c:v>
                </c:pt>
                <c:pt idx="59">
                  <c:v>0.52398306130000005</c:v>
                </c:pt>
                <c:pt idx="60">
                  <c:v>0.51777549830000003</c:v>
                </c:pt>
                <c:pt idx="61">
                  <c:v>0.51138961319999998</c:v>
                </c:pt>
                <c:pt idx="62">
                  <c:v>0.50549593569999995</c:v>
                </c:pt>
                <c:pt idx="63">
                  <c:v>0.49958515169999995</c:v>
                </c:pt>
                <c:pt idx="64">
                  <c:v>0.49348665030000005</c:v>
                </c:pt>
                <c:pt idx="65">
                  <c:v>0.48863870649999996</c:v>
                </c:pt>
                <c:pt idx="66">
                  <c:v>0.48346629730000001</c:v>
                </c:pt>
                <c:pt idx="67">
                  <c:v>0.47908247999999998</c:v>
                </c:pt>
                <c:pt idx="68">
                  <c:v>0.47583395250000005</c:v>
                </c:pt>
                <c:pt idx="69">
                  <c:v>0.47303879999999998</c:v>
                </c:pt>
                <c:pt idx="70">
                  <c:v>0.47170370070000001</c:v>
                </c:pt>
                <c:pt idx="71">
                  <c:v>0.47159793230000002</c:v>
                </c:pt>
                <c:pt idx="72">
                  <c:v>0.47256473460000004</c:v>
                </c:pt>
                <c:pt idx="73">
                  <c:v>0.47578296070000003</c:v>
                </c:pt>
                <c:pt idx="74">
                  <c:v>0.48013497150000001</c:v>
                </c:pt>
                <c:pt idx="75">
                  <c:v>0.48658940940000001</c:v>
                </c:pt>
                <c:pt idx="76">
                  <c:v>0.49331389370000001</c:v>
                </c:pt>
                <c:pt idx="77">
                  <c:v>0.50224623079999997</c:v>
                </c:pt>
                <c:pt idx="78">
                  <c:v>0.51208189879999999</c:v>
                </c:pt>
                <c:pt idx="79">
                  <c:v>0.52333129199999995</c:v>
                </c:pt>
                <c:pt idx="80">
                  <c:v>0.53452588619999997</c:v>
                </c:pt>
                <c:pt idx="81">
                  <c:v>0.54628282040000009</c:v>
                </c:pt>
                <c:pt idx="82">
                  <c:v>0.55863707510000005</c:v>
                </c:pt>
                <c:pt idx="83">
                  <c:v>0.57074699549999997</c:v>
                </c:pt>
                <c:pt idx="84">
                  <c:v>0.58275782309999991</c:v>
                </c:pt>
                <c:pt idx="85">
                  <c:v>0.59379684919999998</c:v>
                </c:pt>
                <c:pt idx="86">
                  <c:v>0.60374870150000004</c:v>
                </c:pt>
                <c:pt idx="87">
                  <c:v>0.61245170980000008</c:v>
                </c:pt>
                <c:pt idx="88">
                  <c:v>0.61913414299999991</c:v>
                </c:pt>
                <c:pt idx="89">
                  <c:v>0.62408658859999999</c:v>
                </c:pt>
                <c:pt idx="90">
                  <c:v>0.62640055269999995</c:v>
                </c:pt>
                <c:pt idx="91">
                  <c:v>0.62652011969999999</c:v>
                </c:pt>
                <c:pt idx="92">
                  <c:v>0.62443642319999992</c:v>
                </c:pt>
                <c:pt idx="93">
                  <c:v>0.61988326900000001</c:v>
                </c:pt>
                <c:pt idx="94">
                  <c:v>0.61367839580000005</c:v>
                </c:pt>
                <c:pt idx="95">
                  <c:v>0.60519000889999996</c:v>
                </c:pt>
                <c:pt idx="96">
                  <c:v>0.59426313640000006</c:v>
                </c:pt>
                <c:pt idx="97">
                  <c:v>0.58203925189999994</c:v>
                </c:pt>
                <c:pt idx="98">
                  <c:v>0.56867580120000005</c:v>
                </c:pt>
                <c:pt idx="99">
                  <c:v>0.5541325211</c:v>
                </c:pt>
                <c:pt idx="100">
                  <c:v>0.53775019950000003</c:v>
                </c:pt>
                <c:pt idx="101">
                  <c:v>0.52097753429999993</c:v>
                </c:pt>
                <c:pt idx="102">
                  <c:v>0.50349724299999998</c:v>
                </c:pt>
                <c:pt idx="103">
                  <c:v>0.48524761199999999</c:v>
                </c:pt>
                <c:pt idx="104">
                  <c:v>0.46663536130000005</c:v>
                </c:pt>
                <c:pt idx="105">
                  <c:v>0.44853530820000004</c:v>
                </c:pt>
                <c:pt idx="106">
                  <c:v>0.43021307889999999</c:v>
                </c:pt>
                <c:pt idx="107">
                  <c:v>0.41222152110000004</c:v>
                </c:pt>
                <c:pt idx="108">
                  <c:v>0.39454333490000004</c:v>
                </c:pt>
                <c:pt idx="109">
                  <c:v>0.37686896319999996</c:v>
                </c:pt>
                <c:pt idx="110">
                  <c:v>0.36003750570000004</c:v>
                </c:pt>
                <c:pt idx="111">
                  <c:v>0.34298682219999999</c:v>
                </c:pt>
                <c:pt idx="112">
                  <c:v>0.3263974637</c:v>
                </c:pt>
                <c:pt idx="113">
                  <c:v>0.31033980839999997</c:v>
                </c:pt>
                <c:pt idx="114">
                  <c:v>0.29361245039999995</c:v>
                </c:pt>
                <c:pt idx="115">
                  <c:v>0.27716983849999999</c:v>
                </c:pt>
                <c:pt idx="116">
                  <c:v>0.26172047850000002</c:v>
                </c:pt>
                <c:pt idx="117">
                  <c:v>0.24606870120000002</c:v>
                </c:pt>
                <c:pt idx="118">
                  <c:v>0.2316987962</c:v>
                </c:pt>
                <c:pt idx="119">
                  <c:v>0.21728345760000001</c:v>
                </c:pt>
                <c:pt idx="120">
                  <c:v>0.20272803310000004</c:v>
                </c:pt>
                <c:pt idx="121">
                  <c:v>0.19138599930000003</c:v>
                </c:pt>
                <c:pt idx="122">
                  <c:v>0.17940106989999999</c:v>
                </c:pt>
                <c:pt idx="123">
                  <c:v>0.16760154059999999</c:v>
                </c:pt>
                <c:pt idx="124">
                  <c:v>0.15779219570000003</c:v>
                </c:pt>
                <c:pt idx="125">
                  <c:v>0.14867146310000001</c:v>
                </c:pt>
                <c:pt idx="126">
                  <c:v>0.13822300730000001</c:v>
                </c:pt>
                <c:pt idx="127">
                  <c:v>0.13097800310000002</c:v>
                </c:pt>
                <c:pt idx="128">
                  <c:v>0.12414573130000003</c:v>
                </c:pt>
                <c:pt idx="129">
                  <c:v>0.11896245179999998</c:v>
                </c:pt>
                <c:pt idx="130">
                  <c:v>0.1139835417</c:v>
                </c:pt>
                <c:pt idx="131">
                  <c:v>0.11103445300000001</c:v>
                </c:pt>
                <c:pt idx="132">
                  <c:v>0.1075666398</c:v>
                </c:pt>
                <c:pt idx="133">
                  <c:v>0.1040507406</c:v>
                </c:pt>
                <c:pt idx="134">
                  <c:v>0.10187383</c:v>
                </c:pt>
                <c:pt idx="135">
                  <c:v>9.89525765E-2</c:v>
                </c:pt>
                <c:pt idx="136">
                  <c:v>9.7539588799999993E-2</c:v>
                </c:pt>
                <c:pt idx="137">
                  <c:v>9.6136108099999978E-2</c:v>
                </c:pt>
                <c:pt idx="138">
                  <c:v>9.5998391500000002E-2</c:v>
                </c:pt>
                <c:pt idx="139">
                  <c:v>9.4447493500000007E-2</c:v>
                </c:pt>
                <c:pt idx="140">
                  <c:v>9.4802811699999989E-2</c:v>
                </c:pt>
                <c:pt idx="141">
                  <c:v>9.3485817300000024E-2</c:v>
                </c:pt>
                <c:pt idx="142">
                  <c:v>9.41106528E-2</c:v>
                </c:pt>
                <c:pt idx="143">
                  <c:v>9.5206409699999994E-2</c:v>
                </c:pt>
                <c:pt idx="144">
                  <c:v>9.5687404199999992E-2</c:v>
                </c:pt>
                <c:pt idx="145">
                  <c:v>9.744040670000001E-2</c:v>
                </c:pt>
                <c:pt idx="146">
                  <c:v>9.9718943200000021E-2</c:v>
                </c:pt>
                <c:pt idx="147">
                  <c:v>0.10048271719999999</c:v>
                </c:pt>
                <c:pt idx="148">
                  <c:v>0.10180047150000002</c:v>
                </c:pt>
                <c:pt idx="149">
                  <c:v>0.10332186520000003</c:v>
                </c:pt>
                <c:pt idx="150">
                  <c:v>0.104321897</c:v>
                </c:pt>
                <c:pt idx="151">
                  <c:v>0.10506626960000004</c:v>
                </c:pt>
                <c:pt idx="152">
                  <c:v>0.10641431810000002</c:v>
                </c:pt>
                <c:pt idx="153">
                  <c:v>0.10798977320000003</c:v>
                </c:pt>
                <c:pt idx="154">
                  <c:v>0.10981906950000003</c:v>
                </c:pt>
                <c:pt idx="155">
                  <c:v>0.1130705625</c:v>
                </c:pt>
                <c:pt idx="156">
                  <c:v>0.11584730440000002</c:v>
                </c:pt>
                <c:pt idx="157">
                  <c:v>0.11987659330000003</c:v>
                </c:pt>
                <c:pt idx="158">
                  <c:v>0.12435513740000001</c:v>
                </c:pt>
                <c:pt idx="159">
                  <c:v>0.12980009619999999</c:v>
                </c:pt>
                <c:pt idx="160">
                  <c:v>0.13636545840000003</c:v>
                </c:pt>
                <c:pt idx="161">
                  <c:v>0.14293937380000002</c:v>
                </c:pt>
                <c:pt idx="162">
                  <c:v>0.14994233849999999</c:v>
                </c:pt>
                <c:pt idx="163">
                  <c:v>0.15610076490000002</c:v>
                </c:pt>
                <c:pt idx="164">
                  <c:v>0.16175071899999999</c:v>
                </c:pt>
                <c:pt idx="165">
                  <c:v>0.16570024190000002</c:v>
                </c:pt>
                <c:pt idx="166">
                  <c:v>0.17032913860000001</c:v>
                </c:pt>
                <c:pt idx="167">
                  <c:v>0.17446665460000002</c:v>
                </c:pt>
                <c:pt idx="168">
                  <c:v>0.17998553809999998</c:v>
                </c:pt>
                <c:pt idx="169">
                  <c:v>0.1889372617</c:v>
                </c:pt>
                <c:pt idx="170">
                  <c:v>0.20016506320000002</c:v>
                </c:pt>
                <c:pt idx="171">
                  <c:v>0.21390441060000001</c:v>
                </c:pt>
                <c:pt idx="172">
                  <c:v>0.22650605440000002</c:v>
                </c:pt>
                <c:pt idx="173">
                  <c:v>0.24073933059999997</c:v>
                </c:pt>
                <c:pt idx="174">
                  <c:v>0.25733402369999997</c:v>
                </c:pt>
              </c:numCache>
            </c:numRef>
          </c:yVal>
          <c:smooth val="1"/>
          <c:extLst>
            <c:ext xmlns:c16="http://schemas.microsoft.com/office/drawing/2014/chart" uri="{C3380CC4-5D6E-409C-BE32-E72D297353CC}">
              <c16:uniqueId val="{00000006-A415-4ECF-917B-4C54DA15B2EC}"/>
            </c:ext>
          </c:extLst>
        </c:ser>
        <c:ser>
          <c:idx val="7"/>
          <c:order val="7"/>
          <c:tx>
            <c:strRef>
              <c:f>'Part 3'!$K$36</c:f>
              <c:strCache>
                <c:ptCount val="1"/>
                <c:pt idx="0">
                  <c:v>Sample 8</c:v>
                </c:pt>
              </c:strCache>
            </c:strRef>
          </c:tx>
          <c:spPr>
            <a:ln w="19050" cap="rnd">
              <a:solidFill>
                <a:schemeClr val="accent2">
                  <a:lumMod val="6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6:$GD$36</c:f>
              <c:numCache>
                <c:formatCode>General</c:formatCode>
                <c:ptCount val="175"/>
                <c:pt idx="0">
                  <c:v>1.6425557450000003E-2</c:v>
                </c:pt>
                <c:pt idx="1">
                  <c:v>1.7789386219999995E-2</c:v>
                </c:pt>
                <c:pt idx="2">
                  <c:v>1.9038461130000003E-2</c:v>
                </c:pt>
                <c:pt idx="3">
                  <c:v>2.0630970550000002E-2</c:v>
                </c:pt>
                <c:pt idx="4">
                  <c:v>2.2458814040000011E-2</c:v>
                </c:pt>
                <c:pt idx="5">
                  <c:v>2.4404205380000002E-2</c:v>
                </c:pt>
                <c:pt idx="6">
                  <c:v>2.6578173070000002E-2</c:v>
                </c:pt>
                <c:pt idx="7">
                  <c:v>2.9475964600000001E-2</c:v>
                </c:pt>
                <c:pt idx="8">
                  <c:v>3.2159045359999999E-2</c:v>
                </c:pt>
                <c:pt idx="9">
                  <c:v>3.5456940529999995E-2</c:v>
                </c:pt>
                <c:pt idx="10">
                  <c:v>3.887479009E-2</c:v>
                </c:pt>
                <c:pt idx="11">
                  <c:v>4.3031543540000008E-2</c:v>
                </c:pt>
                <c:pt idx="12">
                  <c:v>4.7519087749999994E-2</c:v>
                </c:pt>
                <c:pt idx="13">
                  <c:v>5.2516236929999988E-2</c:v>
                </c:pt>
                <c:pt idx="14">
                  <c:v>5.8124244189999993E-2</c:v>
                </c:pt>
                <c:pt idx="15">
                  <c:v>6.4532943030000012E-2</c:v>
                </c:pt>
                <c:pt idx="16">
                  <c:v>7.1600273209999996E-2</c:v>
                </c:pt>
                <c:pt idx="17">
                  <c:v>7.9688027530000011E-2</c:v>
                </c:pt>
                <c:pt idx="18">
                  <c:v>8.8419631110000008E-2</c:v>
                </c:pt>
                <c:pt idx="19">
                  <c:v>9.8793447000000006E-2</c:v>
                </c:pt>
                <c:pt idx="20">
                  <c:v>0.1097597555</c:v>
                </c:pt>
                <c:pt idx="21">
                  <c:v>0.12235169110000001</c:v>
                </c:pt>
                <c:pt idx="22">
                  <c:v>0.13690000769999999</c:v>
                </c:pt>
                <c:pt idx="23">
                  <c:v>0.1531626284</c:v>
                </c:pt>
                <c:pt idx="24">
                  <c:v>0.17132683100000001</c:v>
                </c:pt>
                <c:pt idx="25">
                  <c:v>0.19232656060000003</c:v>
                </c:pt>
                <c:pt idx="26">
                  <c:v>0.21615581209999996</c:v>
                </c:pt>
                <c:pt idx="27">
                  <c:v>0.24319473650000001</c:v>
                </c:pt>
                <c:pt idx="28">
                  <c:v>0.27339760219999998</c:v>
                </c:pt>
                <c:pt idx="29">
                  <c:v>0.30708962679999996</c:v>
                </c:pt>
                <c:pt idx="30">
                  <c:v>0.34377636020000002</c:v>
                </c:pt>
                <c:pt idx="31">
                  <c:v>0.3832481727</c:v>
                </c:pt>
                <c:pt idx="32">
                  <c:v>0.42396538710000004</c:v>
                </c:pt>
                <c:pt idx="33">
                  <c:v>0.46496032920000002</c:v>
                </c:pt>
                <c:pt idx="34">
                  <c:v>0.50430408869999999</c:v>
                </c:pt>
                <c:pt idx="35">
                  <c:v>0.54048312450000002</c:v>
                </c:pt>
                <c:pt idx="36">
                  <c:v>0.57256799189999996</c:v>
                </c:pt>
                <c:pt idx="37">
                  <c:v>0.60011555999999999</c:v>
                </c:pt>
                <c:pt idx="38">
                  <c:v>0.62352648369999997</c:v>
                </c:pt>
                <c:pt idx="39">
                  <c:v>0.6433045045000001</c:v>
                </c:pt>
                <c:pt idx="40">
                  <c:v>0.66044822329999997</c:v>
                </c:pt>
                <c:pt idx="41">
                  <c:v>0.67606326939999994</c:v>
                </c:pt>
                <c:pt idx="42">
                  <c:v>0.69185619799999998</c:v>
                </c:pt>
                <c:pt idx="43">
                  <c:v>0.70756796750000006</c:v>
                </c:pt>
                <c:pt idx="44">
                  <c:v>0.72415970259999995</c:v>
                </c:pt>
                <c:pt idx="45">
                  <c:v>0.74111481760000009</c:v>
                </c:pt>
                <c:pt idx="46">
                  <c:v>0.75726885350000006</c:v>
                </c:pt>
                <c:pt idx="47">
                  <c:v>0.77280755340000007</c:v>
                </c:pt>
                <c:pt idx="48">
                  <c:v>0.78695885090000006</c:v>
                </c:pt>
                <c:pt idx="49">
                  <c:v>0.79881592099999998</c:v>
                </c:pt>
                <c:pt idx="50">
                  <c:v>0.80848064280000009</c:v>
                </c:pt>
                <c:pt idx="51">
                  <c:v>0.81561351569999996</c:v>
                </c:pt>
                <c:pt idx="52">
                  <c:v>0.8193033784</c:v>
                </c:pt>
                <c:pt idx="53">
                  <c:v>0.82019179320000002</c:v>
                </c:pt>
                <c:pt idx="54">
                  <c:v>0.81807125359999999</c:v>
                </c:pt>
                <c:pt idx="55">
                  <c:v>0.8122391551</c:v>
                </c:pt>
                <c:pt idx="56">
                  <c:v>0.80429665000000006</c:v>
                </c:pt>
                <c:pt idx="57">
                  <c:v>0.79486900569999996</c:v>
                </c:pt>
                <c:pt idx="58">
                  <c:v>0.78383482250000003</c:v>
                </c:pt>
                <c:pt idx="59">
                  <c:v>0.7724518776</c:v>
                </c:pt>
                <c:pt idx="60">
                  <c:v>0.76051148030000004</c:v>
                </c:pt>
                <c:pt idx="61">
                  <c:v>0.74777984620000004</c:v>
                </c:pt>
                <c:pt idx="62">
                  <c:v>0.7348965704</c:v>
                </c:pt>
                <c:pt idx="63">
                  <c:v>0.72117567059999999</c:v>
                </c:pt>
                <c:pt idx="64">
                  <c:v>0.70583743600000004</c:v>
                </c:pt>
                <c:pt idx="65">
                  <c:v>0.69038320339999992</c:v>
                </c:pt>
                <c:pt idx="66">
                  <c:v>0.6741432249</c:v>
                </c:pt>
                <c:pt idx="67">
                  <c:v>0.65702195460000001</c:v>
                </c:pt>
                <c:pt idx="68">
                  <c:v>0.64038521049999997</c:v>
                </c:pt>
                <c:pt idx="69">
                  <c:v>0.62319577479999999</c:v>
                </c:pt>
                <c:pt idx="70">
                  <c:v>0.60690402239999997</c:v>
                </c:pt>
                <c:pt idx="71">
                  <c:v>0.5912103876</c:v>
                </c:pt>
                <c:pt idx="72">
                  <c:v>0.57662598050000002</c:v>
                </c:pt>
                <c:pt idx="73">
                  <c:v>0.56332662700000002</c:v>
                </c:pt>
                <c:pt idx="74">
                  <c:v>0.55076617750000001</c:v>
                </c:pt>
                <c:pt idx="75">
                  <c:v>0.53940687329999992</c:v>
                </c:pt>
                <c:pt idx="76">
                  <c:v>0.52888248859999998</c:v>
                </c:pt>
                <c:pt idx="77">
                  <c:v>0.51970443129999999</c:v>
                </c:pt>
                <c:pt idx="78">
                  <c:v>0.51075110589999995</c:v>
                </c:pt>
                <c:pt idx="79">
                  <c:v>0.50293595339999997</c:v>
                </c:pt>
                <c:pt idx="80">
                  <c:v>0.49540086090000007</c:v>
                </c:pt>
                <c:pt idx="81">
                  <c:v>0.48874520510000002</c:v>
                </c:pt>
                <c:pt idx="82">
                  <c:v>0.48285209390000006</c:v>
                </c:pt>
                <c:pt idx="83">
                  <c:v>0.47694865619999993</c:v>
                </c:pt>
                <c:pt idx="84">
                  <c:v>0.47164397679999998</c:v>
                </c:pt>
                <c:pt idx="85">
                  <c:v>0.46631371970000002</c:v>
                </c:pt>
                <c:pt idx="86">
                  <c:v>0.46103336659999999</c:v>
                </c:pt>
                <c:pt idx="87">
                  <c:v>0.45562163740000006</c:v>
                </c:pt>
                <c:pt idx="88">
                  <c:v>0.4499829561</c:v>
                </c:pt>
                <c:pt idx="89">
                  <c:v>0.44384512310000002</c:v>
                </c:pt>
                <c:pt idx="90">
                  <c:v>0.43725713349999995</c:v>
                </c:pt>
                <c:pt idx="91">
                  <c:v>0.42968782039999998</c:v>
                </c:pt>
                <c:pt idx="92">
                  <c:v>0.42136918009999996</c:v>
                </c:pt>
                <c:pt idx="93">
                  <c:v>0.41278520220000003</c:v>
                </c:pt>
                <c:pt idx="94">
                  <c:v>0.40323984619999997</c:v>
                </c:pt>
                <c:pt idx="95">
                  <c:v>0.39313128590000002</c:v>
                </c:pt>
                <c:pt idx="96">
                  <c:v>0.38249665499999996</c:v>
                </c:pt>
                <c:pt idx="97">
                  <c:v>0.3712553233</c:v>
                </c:pt>
                <c:pt idx="98">
                  <c:v>0.35998539630000004</c:v>
                </c:pt>
                <c:pt idx="99">
                  <c:v>0.34845691919999999</c:v>
                </c:pt>
                <c:pt idx="100">
                  <c:v>0.33621366330000002</c:v>
                </c:pt>
                <c:pt idx="101">
                  <c:v>0.32417515659999996</c:v>
                </c:pt>
                <c:pt idx="102">
                  <c:v>0.31202435500000003</c:v>
                </c:pt>
                <c:pt idx="103">
                  <c:v>0.299589783</c:v>
                </c:pt>
                <c:pt idx="104">
                  <c:v>0.28757269680000003</c:v>
                </c:pt>
                <c:pt idx="105">
                  <c:v>0.27557246390000001</c:v>
                </c:pt>
                <c:pt idx="106">
                  <c:v>0.26415924730000001</c:v>
                </c:pt>
                <c:pt idx="107">
                  <c:v>0.25271078940000002</c:v>
                </c:pt>
                <c:pt idx="108">
                  <c:v>0.24182362860000001</c:v>
                </c:pt>
                <c:pt idx="109">
                  <c:v>0.23114490510000002</c:v>
                </c:pt>
                <c:pt idx="110">
                  <c:v>0.22085672619999999</c:v>
                </c:pt>
                <c:pt idx="111">
                  <c:v>0.2108073533</c:v>
                </c:pt>
                <c:pt idx="112">
                  <c:v>0.2011310607</c:v>
                </c:pt>
                <c:pt idx="113">
                  <c:v>0.19193536039999998</c:v>
                </c:pt>
                <c:pt idx="114">
                  <c:v>0.18264123800000001</c:v>
                </c:pt>
                <c:pt idx="115">
                  <c:v>0.173679009</c:v>
                </c:pt>
                <c:pt idx="116">
                  <c:v>0.16471076010000002</c:v>
                </c:pt>
                <c:pt idx="117">
                  <c:v>0.15678794690000003</c:v>
                </c:pt>
                <c:pt idx="118">
                  <c:v>0.1492421478</c:v>
                </c:pt>
                <c:pt idx="119">
                  <c:v>0.14199084049999999</c:v>
                </c:pt>
                <c:pt idx="120">
                  <c:v>0.13472646469999999</c:v>
                </c:pt>
                <c:pt idx="121">
                  <c:v>0.1297617703</c:v>
                </c:pt>
                <c:pt idx="122">
                  <c:v>0.1245993078</c:v>
                </c:pt>
                <c:pt idx="123">
                  <c:v>0.11956034599999998</c:v>
                </c:pt>
                <c:pt idx="124">
                  <c:v>0.11530190710000002</c:v>
                </c:pt>
                <c:pt idx="125">
                  <c:v>0.11153210699999999</c:v>
                </c:pt>
                <c:pt idx="126">
                  <c:v>0.10965332389999999</c:v>
                </c:pt>
                <c:pt idx="127">
                  <c:v>0.10574455560000001</c:v>
                </c:pt>
                <c:pt idx="128">
                  <c:v>0.10499736670000001</c:v>
                </c:pt>
                <c:pt idx="129">
                  <c:v>0.10527902839999997</c:v>
                </c:pt>
                <c:pt idx="130">
                  <c:v>0.1056112498</c:v>
                </c:pt>
                <c:pt idx="131">
                  <c:v>0.1073167176</c:v>
                </c:pt>
                <c:pt idx="132">
                  <c:v>0.10889759660000001</c:v>
                </c:pt>
                <c:pt idx="133">
                  <c:v>0.10960365829999999</c:v>
                </c:pt>
                <c:pt idx="134">
                  <c:v>0.11137662830000003</c:v>
                </c:pt>
                <c:pt idx="135">
                  <c:v>0.1129066199</c:v>
                </c:pt>
                <c:pt idx="136">
                  <c:v>0.11497199540000003</c:v>
                </c:pt>
                <c:pt idx="137">
                  <c:v>0.11568494139999996</c:v>
                </c:pt>
                <c:pt idx="138">
                  <c:v>0.1190008521</c:v>
                </c:pt>
                <c:pt idx="139">
                  <c:v>0.11828266080000002</c:v>
                </c:pt>
                <c:pt idx="140">
                  <c:v>0.12036781010000003</c:v>
                </c:pt>
                <c:pt idx="141">
                  <c:v>0.11942972240000002</c:v>
                </c:pt>
                <c:pt idx="142">
                  <c:v>0.11842840909999999</c:v>
                </c:pt>
                <c:pt idx="143">
                  <c:v>0.1200781762</c:v>
                </c:pt>
                <c:pt idx="144">
                  <c:v>0.11905759569999999</c:v>
                </c:pt>
                <c:pt idx="145">
                  <c:v>0.11898827550000002</c:v>
                </c:pt>
                <c:pt idx="146">
                  <c:v>0.11903734500000002</c:v>
                </c:pt>
                <c:pt idx="147">
                  <c:v>0.11857925360000002</c:v>
                </c:pt>
                <c:pt idx="148">
                  <c:v>0.1180340349</c:v>
                </c:pt>
                <c:pt idx="149">
                  <c:v>0.1172444373</c:v>
                </c:pt>
                <c:pt idx="150">
                  <c:v>0.11705404520000001</c:v>
                </c:pt>
                <c:pt idx="151">
                  <c:v>0.11631479859999999</c:v>
                </c:pt>
                <c:pt idx="152">
                  <c:v>0.11610949040000001</c:v>
                </c:pt>
                <c:pt idx="153">
                  <c:v>0.11645425860000003</c:v>
                </c:pt>
                <c:pt idx="154">
                  <c:v>0.11783404650000001</c:v>
                </c:pt>
                <c:pt idx="155">
                  <c:v>0.12003315989999999</c:v>
                </c:pt>
                <c:pt idx="156">
                  <c:v>0.12278015910000001</c:v>
                </c:pt>
                <c:pt idx="157">
                  <c:v>0.12789216640000003</c:v>
                </c:pt>
                <c:pt idx="158">
                  <c:v>0.13362601399999999</c:v>
                </c:pt>
                <c:pt idx="159">
                  <c:v>0.1418870539</c:v>
                </c:pt>
                <c:pt idx="160">
                  <c:v>0.15240849560000003</c:v>
                </c:pt>
                <c:pt idx="161">
                  <c:v>0.16332159930000004</c:v>
                </c:pt>
                <c:pt idx="162">
                  <c:v>0.17429354790000001</c:v>
                </c:pt>
                <c:pt idx="163">
                  <c:v>0.18521992860000003</c:v>
                </c:pt>
                <c:pt idx="164">
                  <c:v>0.19451127949999997</c:v>
                </c:pt>
                <c:pt idx="165">
                  <c:v>0.2011629194</c:v>
                </c:pt>
                <c:pt idx="166">
                  <c:v>0.20643500979999999</c:v>
                </c:pt>
                <c:pt idx="167">
                  <c:v>0.20978651940000001</c:v>
                </c:pt>
                <c:pt idx="168">
                  <c:v>0.21455232799999999</c:v>
                </c:pt>
                <c:pt idx="169">
                  <c:v>0.22040300069999999</c:v>
                </c:pt>
                <c:pt idx="170">
                  <c:v>0.22759982949999999</c:v>
                </c:pt>
                <c:pt idx="171">
                  <c:v>0.23749735949999998</c:v>
                </c:pt>
                <c:pt idx="172">
                  <c:v>0.24715316289999997</c:v>
                </c:pt>
                <c:pt idx="173">
                  <c:v>0.25857122239999997</c:v>
                </c:pt>
                <c:pt idx="174">
                  <c:v>0.27315601699999997</c:v>
                </c:pt>
              </c:numCache>
            </c:numRef>
          </c:yVal>
          <c:smooth val="1"/>
          <c:extLst>
            <c:ext xmlns:c16="http://schemas.microsoft.com/office/drawing/2014/chart" uri="{C3380CC4-5D6E-409C-BE32-E72D297353CC}">
              <c16:uniqueId val="{00000007-A415-4ECF-917B-4C54DA15B2EC}"/>
            </c:ext>
          </c:extLst>
        </c:ser>
        <c:ser>
          <c:idx val="8"/>
          <c:order val="8"/>
          <c:tx>
            <c:strRef>
              <c:f>'Part 3'!$K$37</c:f>
              <c:strCache>
                <c:ptCount val="1"/>
                <c:pt idx="0">
                  <c:v>Sample 9</c:v>
                </c:pt>
              </c:strCache>
            </c:strRef>
          </c:tx>
          <c:spPr>
            <a:ln w="19050" cap="rnd">
              <a:solidFill>
                <a:schemeClr val="accent3">
                  <a:lumMod val="6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7:$GD$37</c:f>
              <c:numCache>
                <c:formatCode>General</c:formatCode>
                <c:ptCount val="175"/>
                <c:pt idx="0">
                  <c:v>4.1648298500000097E-3</c:v>
                </c:pt>
                <c:pt idx="1">
                  <c:v>4.4179484299999988E-3</c:v>
                </c:pt>
                <c:pt idx="2">
                  <c:v>4.5560226300000034E-3</c:v>
                </c:pt>
                <c:pt idx="3">
                  <c:v>5.0175264500000039E-3</c:v>
                </c:pt>
                <c:pt idx="4">
                  <c:v>5.7060048400000007E-3</c:v>
                </c:pt>
                <c:pt idx="5">
                  <c:v>6.0590058799999957E-3</c:v>
                </c:pt>
                <c:pt idx="6">
                  <c:v>6.914697570000003E-3</c:v>
                </c:pt>
                <c:pt idx="7">
                  <c:v>7.4806064000000061E-3</c:v>
                </c:pt>
                <c:pt idx="8">
                  <c:v>8.3362385600000005E-3</c:v>
                </c:pt>
                <c:pt idx="9">
                  <c:v>9.3403086300000021E-3</c:v>
                </c:pt>
                <c:pt idx="10">
                  <c:v>1.0214462889999998E-2</c:v>
                </c:pt>
                <c:pt idx="11">
                  <c:v>1.1078611040000005E-2</c:v>
                </c:pt>
                <c:pt idx="12">
                  <c:v>1.2501589950000003E-2</c:v>
                </c:pt>
                <c:pt idx="13">
                  <c:v>1.389161492999999E-2</c:v>
                </c:pt>
                <c:pt idx="14">
                  <c:v>1.5763871390000003E-2</c:v>
                </c:pt>
                <c:pt idx="15">
                  <c:v>1.7924472730000002E-2</c:v>
                </c:pt>
                <c:pt idx="16">
                  <c:v>2.0204506810000009E-2</c:v>
                </c:pt>
                <c:pt idx="17">
                  <c:v>2.3116566229999996E-2</c:v>
                </c:pt>
                <c:pt idx="18">
                  <c:v>2.6160642509999998E-2</c:v>
                </c:pt>
                <c:pt idx="19">
                  <c:v>2.9993593699999987E-2</c:v>
                </c:pt>
                <c:pt idx="20">
                  <c:v>3.4529142099999993E-2</c:v>
                </c:pt>
                <c:pt idx="21">
                  <c:v>3.994414210000001E-2</c:v>
                </c:pt>
                <c:pt idx="22">
                  <c:v>4.6444415999999988E-2</c:v>
                </c:pt>
                <c:pt idx="23">
                  <c:v>5.3984791000000004E-2</c:v>
                </c:pt>
                <c:pt idx="24">
                  <c:v>6.3031122100000003E-2</c:v>
                </c:pt>
                <c:pt idx="25">
                  <c:v>7.3540926000000006E-2</c:v>
                </c:pt>
                <c:pt idx="26">
                  <c:v>8.6100175999999987E-2</c:v>
                </c:pt>
                <c:pt idx="27">
                  <c:v>0.10095473380000002</c:v>
                </c:pt>
                <c:pt idx="28">
                  <c:v>0.11838092660000002</c:v>
                </c:pt>
                <c:pt idx="29">
                  <c:v>0.13833011690000002</c:v>
                </c:pt>
                <c:pt idx="30">
                  <c:v>0.16059188549999998</c:v>
                </c:pt>
                <c:pt idx="31">
                  <c:v>0.18462877720000004</c:v>
                </c:pt>
                <c:pt idx="32">
                  <c:v>0.21023406829999997</c:v>
                </c:pt>
                <c:pt idx="33">
                  <c:v>0.23644962159999999</c:v>
                </c:pt>
                <c:pt idx="34">
                  <c:v>0.26185856019999998</c:v>
                </c:pt>
                <c:pt idx="35">
                  <c:v>0.28574085979999997</c:v>
                </c:pt>
                <c:pt idx="36">
                  <c:v>0.30711480229999999</c:v>
                </c:pt>
                <c:pt idx="37">
                  <c:v>0.32531928269999999</c:v>
                </c:pt>
                <c:pt idx="38">
                  <c:v>0.34053763739999998</c:v>
                </c:pt>
                <c:pt idx="39">
                  <c:v>0.35362336789999999</c:v>
                </c:pt>
                <c:pt idx="40">
                  <c:v>0.36467963450000002</c:v>
                </c:pt>
                <c:pt idx="41">
                  <c:v>0.37477248909999999</c:v>
                </c:pt>
                <c:pt idx="42">
                  <c:v>0.38487338270000004</c:v>
                </c:pt>
                <c:pt idx="43">
                  <c:v>0.39509359750000006</c:v>
                </c:pt>
                <c:pt idx="44">
                  <c:v>0.4063693136</c:v>
                </c:pt>
                <c:pt idx="45">
                  <c:v>0.4180314765</c:v>
                </c:pt>
                <c:pt idx="46">
                  <c:v>0.42985887080000001</c:v>
                </c:pt>
                <c:pt idx="47">
                  <c:v>0.44167895610000008</c:v>
                </c:pt>
                <c:pt idx="48">
                  <c:v>0.4526474848</c:v>
                </c:pt>
                <c:pt idx="49">
                  <c:v>0.46259053059999999</c:v>
                </c:pt>
                <c:pt idx="50">
                  <c:v>0.47123875470000004</c:v>
                </c:pt>
                <c:pt idx="51">
                  <c:v>0.47849107539999997</c:v>
                </c:pt>
                <c:pt idx="52">
                  <c:v>0.48378370699999995</c:v>
                </c:pt>
                <c:pt idx="53">
                  <c:v>0.48726379129999997</c:v>
                </c:pt>
                <c:pt idx="54">
                  <c:v>0.4888649062</c:v>
                </c:pt>
                <c:pt idx="55">
                  <c:v>0.48844139270000009</c:v>
                </c:pt>
                <c:pt idx="56">
                  <c:v>0.48659602550000003</c:v>
                </c:pt>
                <c:pt idx="57">
                  <c:v>0.48381304739999997</c:v>
                </c:pt>
                <c:pt idx="58">
                  <c:v>0.4807077125</c:v>
                </c:pt>
                <c:pt idx="59">
                  <c:v>0.47724592690000001</c:v>
                </c:pt>
                <c:pt idx="60">
                  <c:v>0.47424771639999996</c:v>
                </c:pt>
                <c:pt idx="61">
                  <c:v>0.47133517270000003</c:v>
                </c:pt>
                <c:pt idx="62">
                  <c:v>0.46896466610000004</c:v>
                </c:pt>
                <c:pt idx="63">
                  <c:v>0.46688258650000003</c:v>
                </c:pt>
                <c:pt idx="64">
                  <c:v>0.46462977670000005</c:v>
                </c:pt>
                <c:pt idx="65">
                  <c:v>0.46311689169999992</c:v>
                </c:pt>
                <c:pt idx="66">
                  <c:v>0.46162965889999996</c:v>
                </c:pt>
                <c:pt idx="67">
                  <c:v>0.46100683509999996</c:v>
                </c:pt>
                <c:pt idx="68">
                  <c:v>0.46133607629999995</c:v>
                </c:pt>
                <c:pt idx="69">
                  <c:v>0.46264130619999999</c:v>
                </c:pt>
                <c:pt idx="70">
                  <c:v>0.46563481540000007</c:v>
                </c:pt>
                <c:pt idx="71">
                  <c:v>0.46989055720000006</c:v>
                </c:pt>
                <c:pt idx="72">
                  <c:v>0.47651246940000003</c:v>
                </c:pt>
                <c:pt idx="73">
                  <c:v>0.48546901350000005</c:v>
                </c:pt>
                <c:pt idx="74">
                  <c:v>0.49523956330000002</c:v>
                </c:pt>
                <c:pt idx="75">
                  <c:v>0.50761935859999996</c:v>
                </c:pt>
                <c:pt idx="76">
                  <c:v>0.52080582079999993</c:v>
                </c:pt>
                <c:pt idx="77">
                  <c:v>0.53627648949999995</c:v>
                </c:pt>
                <c:pt idx="78">
                  <c:v>0.55280891809999999</c:v>
                </c:pt>
                <c:pt idx="79">
                  <c:v>0.57118714599999998</c:v>
                </c:pt>
                <c:pt idx="80">
                  <c:v>0.58874221149999995</c:v>
                </c:pt>
                <c:pt idx="81">
                  <c:v>0.60716199130000004</c:v>
                </c:pt>
                <c:pt idx="82">
                  <c:v>0.62586139890000003</c:v>
                </c:pt>
                <c:pt idx="83">
                  <c:v>0.64452538640000001</c:v>
                </c:pt>
                <c:pt idx="84">
                  <c:v>0.66236715759999998</c:v>
                </c:pt>
                <c:pt idx="85">
                  <c:v>0.67902570959999997</c:v>
                </c:pt>
                <c:pt idx="86">
                  <c:v>0.69477918000000005</c:v>
                </c:pt>
                <c:pt idx="87">
                  <c:v>0.70809219030000004</c:v>
                </c:pt>
                <c:pt idx="88">
                  <c:v>0.71922589839999995</c:v>
                </c:pt>
                <c:pt idx="89">
                  <c:v>0.72779157760000002</c:v>
                </c:pt>
                <c:pt idx="90">
                  <c:v>0.73307033629999996</c:v>
                </c:pt>
                <c:pt idx="91">
                  <c:v>0.73534550519999997</c:v>
                </c:pt>
                <c:pt idx="92">
                  <c:v>0.73530070479999998</c:v>
                </c:pt>
                <c:pt idx="93">
                  <c:v>0.73189541699999994</c:v>
                </c:pt>
                <c:pt idx="94">
                  <c:v>0.72543013099999998</c:v>
                </c:pt>
                <c:pt idx="95">
                  <c:v>0.71658411619999995</c:v>
                </c:pt>
                <c:pt idx="96">
                  <c:v>0.70478385690000001</c:v>
                </c:pt>
                <c:pt idx="97">
                  <c:v>0.69099439679999997</c:v>
                </c:pt>
                <c:pt idx="98">
                  <c:v>0.67584107820000006</c:v>
                </c:pt>
                <c:pt idx="99">
                  <c:v>0.65858262769999998</c:v>
                </c:pt>
                <c:pt idx="100">
                  <c:v>0.6397227794</c:v>
                </c:pt>
                <c:pt idx="101">
                  <c:v>0.62009982019999998</c:v>
                </c:pt>
                <c:pt idx="102">
                  <c:v>0.59917837380000005</c:v>
                </c:pt>
                <c:pt idx="103">
                  <c:v>0.57695204020000002</c:v>
                </c:pt>
                <c:pt idx="104">
                  <c:v>0.55484791099999997</c:v>
                </c:pt>
                <c:pt idx="105">
                  <c:v>0.53246359530000009</c:v>
                </c:pt>
                <c:pt idx="106">
                  <c:v>0.51091162859999995</c:v>
                </c:pt>
                <c:pt idx="107">
                  <c:v>0.48927053810000004</c:v>
                </c:pt>
                <c:pt idx="108">
                  <c:v>0.46801780169999996</c:v>
                </c:pt>
                <c:pt idx="109">
                  <c:v>0.44696605200000006</c:v>
                </c:pt>
                <c:pt idx="110">
                  <c:v>0.42609748250000001</c:v>
                </c:pt>
                <c:pt idx="111">
                  <c:v>0.40580460430000004</c:v>
                </c:pt>
                <c:pt idx="112">
                  <c:v>0.38542421159999996</c:v>
                </c:pt>
                <c:pt idx="113">
                  <c:v>0.36547586319999997</c:v>
                </c:pt>
                <c:pt idx="114">
                  <c:v>0.34492388370000004</c:v>
                </c:pt>
                <c:pt idx="115">
                  <c:v>0.32571278510000001</c:v>
                </c:pt>
                <c:pt idx="116">
                  <c:v>0.30624115470000002</c:v>
                </c:pt>
                <c:pt idx="117">
                  <c:v>0.2872191221</c:v>
                </c:pt>
                <c:pt idx="118">
                  <c:v>0.26905201379999999</c:v>
                </c:pt>
                <c:pt idx="119">
                  <c:v>0.25147873170000001</c:v>
                </c:pt>
                <c:pt idx="120">
                  <c:v>0.23397511240000002</c:v>
                </c:pt>
                <c:pt idx="121">
                  <c:v>0.21830321849999998</c:v>
                </c:pt>
                <c:pt idx="122">
                  <c:v>0.20302891740000001</c:v>
                </c:pt>
                <c:pt idx="123">
                  <c:v>0.1879778057</c:v>
                </c:pt>
                <c:pt idx="124">
                  <c:v>0.17427034670000002</c:v>
                </c:pt>
                <c:pt idx="125">
                  <c:v>0.162508294</c:v>
                </c:pt>
                <c:pt idx="126">
                  <c:v>0.149308309</c:v>
                </c:pt>
                <c:pt idx="127">
                  <c:v>0.13827948270000001</c:v>
                </c:pt>
                <c:pt idx="128">
                  <c:v>0.12747468050000002</c:v>
                </c:pt>
                <c:pt idx="129">
                  <c:v>0.119411394</c:v>
                </c:pt>
                <c:pt idx="130">
                  <c:v>0.11197829239999998</c:v>
                </c:pt>
                <c:pt idx="131">
                  <c:v>0.107534349</c:v>
                </c:pt>
                <c:pt idx="132">
                  <c:v>0.10284833609999999</c:v>
                </c:pt>
                <c:pt idx="133">
                  <c:v>9.7685232799999994E-2</c:v>
                </c:pt>
                <c:pt idx="134">
                  <c:v>9.410454330000001E-2</c:v>
                </c:pt>
                <c:pt idx="135">
                  <c:v>8.8382363299999989E-2</c:v>
                </c:pt>
                <c:pt idx="136">
                  <c:v>8.5889741800000002E-2</c:v>
                </c:pt>
                <c:pt idx="137">
                  <c:v>8.4068834799999992E-2</c:v>
                </c:pt>
                <c:pt idx="138">
                  <c:v>8.3235666200000002E-2</c:v>
                </c:pt>
                <c:pt idx="139">
                  <c:v>8.10583681E-2</c:v>
                </c:pt>
                <c:pt idx="140">
                  <c:v>7.9969108099999991E-2</c:v>
                </c:pt>
                <c:pt idx="141">
                  <c:v>7.8564479900000012E-2</c:v>
                </c:pt>
                <c:pt idx="142">
                  <c:v>7.945047320000001E-2</c:v>
                </c:pt>
                <c:pt idx="143">
                  <c:v>8.1056863000000007E-2</c:v>
                </c:pt>
                <c:pt idx="144">
                  <c:v>8.2700669700000007E-2</c:v>
                </c:pt>
                <c:pt idx="145">
                  <c:v>8.3538845199999989E-2</c:v>
                </c:pt>
                <c:pt idx="146">
                  <c:v>8.5049465300000016E-2</c:v>
                </c:pt>
                <c:pt idx="147">
                  <c:v>8.6998015699999987E-2</c:v>
                </c:pt>
                <c:pt idx="148">
                  <c:v>8.9054047999999997E-2</c:v>
                </c:pt>
                <c:pt idx="149">
                  <c:v>9.004767230000002E-2</c:v>
                </c:pt>
                <c:pt idx="150">
                  <c:v>9.1591373100000012E-2</c:v>
                </c:pt>
                <c:pt idx="151">
                  <c:v>9.1982558400000025E-2</c:v>
                </c:pt>
                <c:pt idx="152">
                  <c:v>9.2232450900000013E-2</c:v>
                </c:pt>
                <c:pt idx="153">
                  <c:v>9.3189612000000033E-2</c:v>
                </c:pt>
                <c:pt idx="154">
                  <c:v>9.3880280900000002E-2</c:v>
                </c:pt>
                <c:pt idx="155">
                  <c:v>9.4441965200000005E-2</c:v>
                </c:pt>
                <c:pt idx="156">
                  <c:v>9.5560684800000018E-2</c:v>
                </c:pt>
                <c:pt idx="157">
                  <c:v>9.6186399499999992E-2</c:v>
                </c:pt>
                <c:pt idx="158">
                  <c:v>9.827798610000002E-2</c:v>
                </c:pt>
                <c:pt idx="159">
                  <c:v>0.10188902919999998</c:v>
                </c:pt>
                <c:pt idx="160">
                  <c:v>0.10599879919999999</c:v>
                </c:pt>
                <c:pt idx="161">
                  <c:v>0.11189310250000004</c:v>
                </c:pt>
                <c:pt idx="162">
                  <c:v>0.11845499279999999</c:v>
                </c:pt>
                <c:pt idx="163">
                  <c:v>0.12396310269999999</c:v>
                </c:pt>
                <c:pt idx="164">
                  <c:v>0.12907786669999999</c:v>
                </c:pt>
                <c:pt idx="165">
                  <c:v>0.13254554570000002</c:v>
                </c:pt>
                <c:pt idx="166">
                  <c:v>0.13549159469999997</c:v>
                </c:pt>
                <c:pt idx="167">
                  <c:v>0.1380318254</c:v>
                </c:pt>
                <c:pt idx="168">
                  <c:v>0.1423329562</c:v>
                </c:pt>
                <c:pt idx="169">
                  <c:v>0.14969141779999998</c:v>
                </c:pt>
                <c:pt idx="170">
                  <c:v>0.15951794389999999</c:v>
                </c:pt>
                <c:pt idx="171">
                  <c:v>0.17392334340000001</c:v>
                </c:pt>
                <c:pt idx="172">
                  <c:v>0.18889257309999999</c:v>
                </c:pt>
                <c:pt idx="173">
                  <c:v>0.20643211899999997</c:v>
                </c:pt>
                <c:pt idx="174">
                  <c:v>0.2256270051</c:v>
                </c:pt>
              </c:numCache>
            </c:numRef>
          </c:yVal>
          <c:smooth val="1"/>
          <c:extLst>
            <c:ext xmlns:c16="http://schemas.microsoft.com/office/drawing/2014/chart" uri="{C3380CC4-5D6E-409C-BE32-E72D297353CC}">
              <c16:uniqueId val="{00000008-A415-4ECF-917B-4C54DA15B2EC}"/>
            </c:ext>
          </c:extLst>
        </c:ser>
        <c:ser>
          <c:idx val="9"/>
          <c:order val="9"/>
          <c:tx>
            <c:strRef>
              <c:f>'Part 3'!$K$38</c:f>
              <c:strCache>
                <c:ptCount val="1"/>
                <c:pt idx="0">
                  <c:v>Sample 10</c:v>
                </c:pt>
              </c:strCache>
            </c:strRef>
          </c:tx>
          <c:spPr>
            <a:ln w="19050" cap="rnd">
              <a:solidFill>
                <a:schemeClr val="accent4">
                  <a:lumMod val="6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8:$GD$38</c:f>
              <c:numCache>
                <c:formatCode>General</c:formatCode>
                <c:ptCount val="175"/>
                <c:pt idx="0">
                  <c:v>9.2467367499999981E-3</c:v>
                </c:pt>
                <c:pt idx="1">
                  <c:v>9.995572319999993E-3</c:v>
                </c:pt>
                <c:pt idx="2">
                  <c:v>1.0702274730000003E-2</c:v>
                </c:pt>
                <c:pt idx="3">
                  <c:v>1.1729903550000004E-2</c:v>
                </c:pt>
                <c:pt idx="4">
                  <c:v>1.2743577340000006E-2</c:v>
                </c:pt>
                <c:pt idx="5">
                  <c:v>1.3880267779999997E-2</c:v>
                </c:pt>
                <c:pt idx="6">
                  <c:v>1.5193909369999994E-2</c:v>
                </c:pt>
                <c:pt idx="7">
                  <c:v>1.6733937000000004E-2</c:v>
                </c:pt>
                <c:pt idx="8">
                  <c:v>1.833652706000001E-2</c:v>
                </c:pt>
                <c:pt idx="9">
                  <c:v>2.0040996329999991E-2</c:v>
                </c:pt>
                <c:pt idx="10">
                  <c:v>2.2130668189999994E-2</c:v>
                </c:pt>
                <c:pt idx="11">
                  <c:v>2.4296790339999999E-2</c:v>
                </c:pt>
                <c:pt idx="12">
                  <c:v>2.6791587450000001E-2</c:v>
                </c:pt>
                <c:pt idx="13">
                  <c:v>2.9637724129999987E-2</c:v>
                </c:pt>
                <c:pt idx="14">
                  <c:v>3.3290445789999998E-2</c:v>
                </c:pt>
                <c:pt idx="15">
                  <c:v>3.6942251030000012E-2</c:v>
                </c:pt>
                <c:pt idx="16">
                  <c:v>4.1489705410000008E-2</c:v>
                </c:pt>
                <c:pt idx="17">
                  <c:v>4.6629011629999995E-2</c:v>
                </c:pt>
                <c:pt idx="18">
                  <c:v>5.2204445009999989E-2</c:v>
                </c:pt>
                <c:pt idx="19">
                  <c:v>5.8902516900000007E-2</c:v>
                </c:pt>
                <c:pt idx="20">
                  <c:v>6.6280432099999981E-2</c:v>
                </c:pt>
                <c:pt idx="21">
                  <c:v>7.4928417799999994E-2</c:v>
                </c:pt>
                <c:pt idx="22">
                  <c:v>8.5115283699999988E-2</c:v>
                </c:pt>
                <c:pt idx="23">
                  <c:v>9.681902819999999E-2</c:v>
                </c:pt>
                <c:pt idx="24">
                  <c:v>0.11018145090000001</c:v>
                </c:pt>
                <c:pt idx="25">
                  <c:v>0.125601247</c:v>
                </c:pt>
                <c:pt idx="26">
                  <c:v>0.14326612649999998</c:v>
                </c:pt>
                <c:pt idx="27">
                  <c:v>0.16343948990000001</c:v>
                </c:pt>
                <c:pt idx="28">
                  <c:v>0.18633789570000001</c:v>
                </c:pt>
                <c:pt idx="29">
                  <c:v>0.211718291</c:v>
                </c:pt>
                <c:pt idx="30">
                  <c:v>0.23936258259999998</c:v>
                </c:pt>
                <c:pt idx="31">
                  <c:v>0.26849447940000004</c:v>
                </c:pt>
                <c:pt idx="32">
                  <c:v>0.29874920099999996</c:v>
                </c:pt>
                <c:pt idx="33">
                  <c:v>0.32951345300000001</c:v>
                </c:pt>
                <c:pt idx="34">
                  <c:v>0.35927674919999997</c:v>
                </c:pt>
                <c:pt idx="35">
                  <c:v>0.38685701039999998</c:v>
                </c:pt>
                <c:pt idx="36">
                  <c:v>0.41186093539999996</c:v>
                </c:pt>
                <c:pt idx="37">
                  <c:v>0.43371023980000001</c:v>
                </c:pt>
                <c:pt idx="38">
                  <c:v>0.45280209179999997</c:v>
                </c:pt>
                <c:pt idx="39">
                  <c:v>0.46931026130000003</c:v>
                </c:pt>
                <c:pt idx="40">
                  <c:v>0.48361423609999998</c:v>
                </c:pt>
                <c:pt idx="41">
                  <c:v>0.49702110890000001</c:v>
                </c:pt>
                <c:pt idx="42">
                  <c:v>0.51014857730000007</c:v>
                </c:pt>
                <c:pt idx="43">
                  <c:v>0.52289143950000005</c:v>
                </c:pt>
                <c:pt idx="44">
                  <c:v>0.53652702270000008</c:v>
                </c:pt>
                <c:pt idx="45">
                  <c:v>0.55011149500000001</c:v>
                </c:pt>
                <c:pt idx="46">
                  <c:v>0.56303883340000005</c:v>
                </c:pt>
                <c:pt idx="47">
                  <c:v>0.57572473580000005</c:v>
                </c:pt>
                <c:pt idx="48">
                  <c:v>0.58704409750000008</c:v>
                </c:pt>
                <c:pt idx="49">
                  <c:v>0.59703721109999996</c:v>
                </c:pt>
                <c:pt idx="50">
                  <c:v>0.60550632330000009</c:v>
                </c:pt>
                <c:pt idx="51">
                  <c:v>0.61187649519999998</c:v>
                </c:pt>
                <c:pt idx="52">
                  <c:v>0.61644123490000002</c:v>
                </c:pt>
                <c:pt idx="53">
                  <c:v>0.61899297689999999</c:v>
                </c:pt>
                <c:pt idx="54">
                  <c:v>0.61928606779999995</c:v>
                </c:pt>
                <c:pt idx="55">
                  <c:v>0.61710320410000008</c:v>
                </c:pt>
                <c:pt idx="56">
                  <c:v>0.6135798469</c:v>
                </c:pt>
                <c:pt idx="57">
                  <c:v>0.60852169989999993</c:v>
                </c:pt>
                <c:pt idx="58">
                  <c:v>0.60281009230000004</c:v>
                </c:pt>
                <c:pt idx="59">
                  <c:v>0.59646922349999998</c:v>
                </c:pt>
                <c:pt idx="60">
                  <c:v>0.59002157300000002</c:v>
                </c:pt>
                <c:pt idx="61">
                  <c:v>0.58318412310000001</c:v>
                </c:pt>
                <c:pt idx="62">
                  <c:v>0.57608899469999997</c:v>
                </c:pt>
                <c:pt idx="63">
                  <c:v>0.56913071869999998</c:v>
                </c:pt>
                <c:pt idx="64">
                  <c:v>0.5614379719</c:v>
                </c:pt>
                <c:pt idx="65">
                  <c:v>0.55410081899999997</c:v>
                </c:pt>
                <c:pt idx="66">
                  <c:v>0.54641744489999999</c:v>
                </c:pt>
                <c:pt idx="67">
                  <c:v>0.53904499110000004</c:v>
                </c:pt>
                <c:pt idx="68">
                  <c:v>0.53262877470000003</c:v>
                </c:pt>
                <c:pt idx="69">
                  <c:v>0.52686066180000002</c:v>
                </c:pt>
                <c:pt idx="70">
                  <c:v>0.52201055740000002</c:v>
                </c:pt>
                <c:pt idx="71">
                  <c:v>0.51870652290000008</c:v>
                </c:pt>
                <c:pt idx="72">
                  <c:v>0.51702336230000001</c:v>
                </c:pt>
                <c:pt idx="73">
                  <c:v>0.51672038440000001</c:v>
                </c:pt>
                <c:pt idx="74">
                  <c:v>0.51776272810000001</c:v>
                </c:pt>
                <c:pt idx="75">
                  <c:v>0.52096853399999998</c:v>
                </c:pt>
                <c:pt idx="76">
                  <c:v>0.52449493110000001</c:v>
                </c:pt>
                <c:pt idx="77">
                  <c:v>0.53027763959999996</c:v>
                </c:pt>
                <c:pt idx="78">
                  <c:v>0.53673849259999995</c:v>
                </c:pt>
                <c:pt idx="79">
                  <c:v>0.54411119969999999</c:v>
                </c:pt>
                <c:pt idx="80">
                  <c:v>0.5521629602</c:v>
                </c:pt>
                <c:pt idx="81">
                  <c:v>0.56061952560000006</c:v>
                </c:pt>
                <c:pt idx="82">
                  <c:v>0.56949763740000003</c:v>
                </c:pt>
                <c:pt idx="83">
                  <c:v>0.57854054129999999</c:v>
                </c:pt>
                <c:pt idx="84">
                  <c:v>0.58717673269999993</c:v>
                </c:pt>
                <c:pt idx="85">
                  <c:v>0.59524106980000002</c:v>
                </c:pt>
                <c:pt idx="86">
                  <c:v>0.60269512980000006</c:v>
                </c:pt>
                <c:pt idx="87">
                  <c:v>0.60862002520000003</c:v>
                </c:pt>
                <c:pt idx="88">
                  <c:v>0.61319406329999993</c:v>
                </c:pt>
                <c:pt idx="89">
                  <c:v>0.61588403579999995</c:v>
                </c:pt>
                <c:pt idx="90">
                  <c:v>0.61597611760000004</c:v>
                </c:pt>
                <c:pt idx="91">
                  <c:v>0.61426087470000001</c:v>
                </c:pt>
                <c:pt idx="92">
                  <c:v>0.61080460250000002</c:v>
                </c:pt>
                <c:pt idx="93">
                  <c:v>0.60496613379999997</c:v>
                </c:pt>
                <c:pt idx="94">
                  <c:v>0.59728008509999997</c:v>
                </c:pt>
                <c:pt idx="95">
                  <c:v>0.58842089769999995</c:v>
                </c:pt>
                <c:pt idx="96">
                  <c:v>0.57679170369999999</c:v>
                </c:pt>
                <c:pt idx="97">
                  <c:v>0.56374658639999997</c:v>
                </c:pt>
                <c:pt idx="98">
                  <c:v>0.55022989210000006</c:v>
                </c:pt>
                <c:pt idx="99">
                  <c:v>0.53472089759999997</c:v>
                </c:pt>
                <c:pt idx="100">
                  <c:v>0.51847727600000004</c:v>
                </c:pt>
                <c:pt idx="101">
                  <c:v>0.50183198600000001</c:v>
                </c:pt>
                <c:pt idx="102">
                  <c:v>0.4839243889</c:v>
                </c:pt>
                <c:pt idx="103">
                  <c:v>0.4660045505</c:v>
                </c:pt>
                <c:pt idx="104">
                  <c:v>0.4472939521</c:v>
                </c:pt>
                <c:pt idx="105">
                  <c:v>0.42895881829999999</c:v>
                </c:pt>
                <c:pt idx="106">
                  <c:v>0.41116832200000003</c:v>
                </c:pt>
                <c:pt idx="107">
                  <c:v>0.39339938759999998</c:v>
                </c:pt>
                <c:pt idx="108">
                  <c:v>0.37650422750000001</c:v>
                </c:pt>
                <c:pt idx="109">
                  <c:v>0.35965386030000002</c:v>
                </c:pt>
                <c:pt idx="110">
                  <c:v>0.34329208730000005</c:v>
                </c:pt>
                <c:pt idx="111">
                  <c:v>0.32691258200000001</c:v>
                </c:pt>
                <c:pt idx="112">
                  <c:v>0.31095437699999995</c:v>
                </c:pt>
                <c:pt idx="113">
                  <c:v>0.29503610730000002</c:v>
                </c:pt>
                <c:pt idx="114">
                  <c:v>0.27876105900000003</c:v>
                </c:pt>
                <c:pt idx="115">
                  <c:v>0.26339326790000001</c:v>
                </c:pt>
                <c:pt idx="116">
                  <c:v>0.24900186060000001</c:v>
                </c:pt>
                <c:pt idx="117">
                  <c:v>0.23451457920000002</c:v>
                </c:pt>
                <c:pt idx="118">
                  <c:v>0.22102634609999999</c:v>
                </c:pt>
                <c:pt idx="119">
                  <c:v>0.20780795819999998</c:v>
                </c:pt>
                <c:pt idx="120">
                  <c:v>0.1945518255</c:v>
                </c:pt>
                <c:pt idx="121">
                  <c:v>0.18322078880000001</c:v>
                </c:pt>
                <c:pt idx="122">
                  <c:v>0.17221048480000001</c:v>
                </c:pt>
                <c:pt idx="123">
                  <c:v>0.16129882630000003</c:v>
                </c:pt>
                <c:pt idx="124">
                  <c:v>0.15232841670000002</c:v>
                </c:pt>
                <c:pt idx="125">
                  <c:v>0.14327253400000001</c:v>
                </c:pt>
                <c:pt idx="126">
                  <c:v>0.13386864959999997</c:v>
                </c:pt>
                <c:pt idx="127">
                  <c:v>0.12695457040000002</c:v>
                </c:pt>
                <c:pt idx="128">
                  <c:v>0.1204727441</c:v>
                </c:pt>
                <c:pt idx="129">
                  <c:v>0.11610712109999999</c:v>
                </c:pt>
                <c:pt idx="130">
                  <c:v>0.11088578399999999</c:v>
                </c:pt>
                <c:pt idx="131">
                  <c:v>0.10822553939999999</c:v>
                </c:pt>
                <c:pt idx="132">
                  <c:v>0.1055713445</c:v>
                </c:pt>
                <c:pt idx="133">
                  <c:v>0.10273784399999999</c:v>
                </c:pt>
                <c:pt idx="134">
                  <c:v>0.1004794836</c:v>
                </c:pt>
                <c:pt idx="135">
                  <c:v>9.8392829299999984E-2</c:v>
                </c:pt>
                <c:pt idx="136">
                  <c:v>9.6754491400000003E-2</c:v>
                </c:pt>
                <c:pt idx="137">
                  <c:v>9.6140056899999993E-2</c:v>
                </c:pt>
                <c:pt idx="138">
                  <c:v>9.633180500000002E-2</c:v>
                </c:pt>
                <c:pt idx="139">
                  <c:v>9.4652429199999999E-2</c:v>
                </c:pt>
                <c:pt idx="140">
                  <c:v>9.4379395199999994E-2</c:v>
                </c:pt>
                <c:pt idx="141">
                  <c:v>9.4079822300000004E-2</c:v>
                </c:pt>
                <c:pt idx="142">
                  <c:v>9.4360142899999999E-2</c:v>
                </c:pt>
                <c:pt idx="143">
                  <c:v>9.5369130299999993E-2</c:v>
                </c:pt>
                <c:pt idx="144">
                  <c:v>9.6557915199999983E-2</c:v>
                </c:pt>
                <c:pt idx="145">
                  <c:v>9.7833678099999988E-2</c:v>
                </c:pt>
                <c:pt idx="146">
                  <c:v>9.9085315999999979E-2</c:v>
                </c:pt>
                <c:pt idx="147">
                  <c:v>0.1005560905</c:v>
                </c:pt>
                <c:pt idx="148">
                  <c:v>0.10212126369999999</c:v>
                </c:pt>
                <c:pt idx="149">
                  <c:v>0.10289405280000002</c:v>
                </c:pt>
                <c:pt idx="150">
                  <c:v>0.10441687700000002</c:v>
                </c:pt>
                <c:pt idx="151">
                  <c:v>0.10459718109999999</c:v>
                </c:pt>
                <c:pt idx="152">
                  <c:v>0.10538449890000001</c:v>
                </c:pt>
                <c:pt idx="153">
                  <c:v>0.10682998599999999</c:v>
                </c:pt>
                <c:pt idx="154">
                  <c:v>0.10834385460000001</c:v>
                </c:pt>
                <c:pt idx="155">
                  <c:v>0.10994802420000002</c:v>
                </c:pt>
                <c:pt idx="156">
                  <c:v>0.11175037920000003</c:v>
                </c:pt>
                <c:pt idx="157">
                  <c:v>0.11513304710000002</c:v>
                </c:pt>
                <c:pt idx="158">
                  <c:v>0.11799559000000001</c:v>
                </c:pt>
                <c:pt idx="159">
                  <c:v>0.1237664074</c:v>
                </c:pt>
                <c:pt idx="160">
                  <c:v>0.13092230259999998</c:v>
                </c:pt>
                <c:pt idx="161">
                  <c:v>0.1381926983</c:v>
                </c:pt>
                <c:pt idx="162">
                  <c:v>0.14503309139999998</c:v>
                </c:pt>
                <c:pt idx="163">
                  <c:v>0.15205191070000001</c:v>
                </c:pt>
                <c:pt idx="164">
                  <c:v>0.15750326219999999</c:v>
                </c:pt>
                <c:pt idx="165">
                  <c:v>0.16147913040000003</c:v>
                </c:pt>
                <c:pt idx="166">
                  <c:v>0.16494052109999999</c:v>
                </c:pt>
                <c:pt idx="167">
                  <c:v>0.16685484349999999</c:v>
                </c:pt>
                <c:pt idx="168">
                  <c:v>0.17005522549999999</c:v>
                </c:pt>
                <c:pt idx="169">
                  <c:v>0.17491503059999999</c:v>
                </c:pt>
                <c:pt idx="170">
                  <c:v>0.18259772659999998</c:v>
                </c:pt>
                <c:pt idx="171">
                  <c:v>0.19267177579999997</c:v>
                </c:pt>
                <c:pt idx="172">
                  <c:v>0.20376607769999996</c:v>
                </c:pt>
                <c:pt idx="173">
                  <c:v>0.21683903030000001</c:v>
                </c:pt>
                <c:pt idx="174">
                  <c:v>0.2328336238</c:v>
                </c:pt>
              </c:numCache>
            </c:numRef>
          </c:yVal>
          <c:smooth val="1"/>
          <c:extLst>
            <c:ext xmlns:c16="http://schemas.microsoft.com/office/drawing/2014/chart" uri="{C3380CC4-5D6E-409C-BE32-E72D297353CC}">
              <c16:uniqueId val="{00000009-A415-4ECF-917B-4C54DA15B2EC}"/>
            </c:ext>
          </c:extLst>
        </c:ser>
        <c:ser>
          <c:idx val="10"/>
          <c:order val="10"/>
          <c:tx>
            <c:strRef>
              <c:f>'Part 3'!$K$39</c:f>
              <c:strCache>
                <c:ptCount val="1"/>
                <c:pt idx="0">
                  <c:v>Sample 11</c:v>
                </c:pt>
              </c:strCache>
            </c:strRef>
          </c:tx>
          <c:spPr>
            <a:ln w="19050" cap="rnd">
              <a:solidFill>
                <a:schemeClr val="accent5">
                  <a:lumMod val="6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39:$GD$39</c:f>
              <c:numCache>
                <c:formatCode>General</c:formatCode>
                <c:ptCount val="175"/>
                <c:pt idx="0">
                  <c:v>1.7243683350000011E-2</c:v>
                </c:pt>
                <c:pt idx="1">
                  <c:v>1.8570125120000003E-2</c:v>
                </c:pt>
                <c:pt idx="2">
                  <c:v>2.0215392129999996E-2</c:v>
                </c:pt>
                <c:pt idx="3">
                  <c:v>2.2259257749999997E-2</c:v>
                </c:pt>
                <c:pt idx="4">
                  <c:v>2.4369433540000013E-2</c:v>
                </c:pt>
                <c:pt idx="5">
                  <c:v>2.6491574980000002E-2</c:v>
                </c:pt>
                <c:pt idx="6">
                  <c:v>2.9094621570000007E-2</c:v>
                </c:pt>
                <c:pt idx="7">
                  <c:v>3.2241143300000011E-2</c:v>
                </c:pt>
                <c:pt idx="8">
                  <c:v>3.5340636960000005E-2</c:v>
                </c:pt>
                <c:pt idx="9">
                  <c:v>3.9070323129999987E-2</c:v>
                </c:pt>
                <c:pt idx="10">
                  <c:v>4.2971506689999994E-2</c:v>
                </c:pt>
                <c:pt idx="11">
                  <c:v>4.7427728739999994E-2</c:v>
                </c:pt>
                <c:pt idx="12">
                  <c:v>5.2211537949999998E-2</c:v>
                </c:pt>
                <c:pt idx="13">
                  <c:v>5.7617828230000001E-2</c:v>
                </c:pt>
                <c:pt idx="14">
                  <c:v>6.3844367890000017E-2</c:v>
                </c:pt>
                <c:pt idx="15">
                  <c:v>7.0124693230000007E-2</c:v>
                </c:pt>
                <c:pt idx="16">
                  <c:v>7.7096864609999996E-2</c:v>
                </c:pt>
                <c:pt idx="17">
                  <c:v>8.4750264930000013E-2</c:v>
                </c:pt>
                <c:pt idx="18">
                  <c:v>9.3023330009999988E-2</c:v>
                </c:pt>
                <c:pt idx="19">
                  <c:v>0.1019413173</c:v>
                </c:pt>
                <c:pt idx="20">
                  <c:v>0.11134455360000001</c:v>
                </c:pt>
                <c:pt idx="21">
                  <c:v>0.12157446149999999</c:v>
                </c:pt>
                <c:pt idx="22">
                  <c:v>0.1327650994</c:v>
                </c:pt>
                <c:pt idx="23">
                  <c:v>0.1444210112</c:v>
                </c:pt>
                <c:pt idx="24">
                  <c:v>0.15712352099999999</c:v>
                </c:pt>
                <c:pt idx="25">
                  <c:v>0.17092819510000001</c:v>
                </c:pt>
                <c:pt idx="26">
                  <c:v>0.1858939677</c:v>
                </c:pt>
                <c:pt idx="27">
                  <c:v>0.2027654424</c:v>
                </c:pt>
                <c:pt idx="28">
                  <c:v>0.22104216369999999</c:v>
                </c:pt>
                <c:pt idx="29">
                  <c:v>0.24143975969999998</c:v>
                </c:pt>
                <c:pt idx="30">
                  <c:v>0.26347012819999999</c:v>
                </c:pt>
                <c:pt idx="31">
                  <c:v>0.28661736100000001</c:v>
                </c:pt>
                <c:pt idx="32">
                  <c:v>0.31089859459999997</c:v>
                </c:pt>
                <c:pt idx="33">
                  <c:v>0.33551108090000004</c:v>
                </c:pt>
                <c:pt idx="34">
                  <c:v>0.35890895879999996</c:v>
                </c:pt>
                <c:pt idx="35">
                  <c:v>0.38111091399999997</c:v>
                </c:pt>
                <c:pt idx="36">
                  <c:v>0.40071266150000001</c:v>
                </c:pt>
                <c:pt idx="37">
                  <c:v>0.41789933290000003</c:v>
                </c:pt>
                <c:pt idx="38">
                  <c:v>0.43248054380000001</c:v>
                </c:pt>
                <c:pt idx="39">
                  <c:v>0.44496033340000002</c:v>
                </c:pt>
                <c:pt idx="40">
                  <c:v>0.45546624059999996</c:v>
                </c:pt>
                <c:pt idx="41">
                  <c:v>0.46469613910000002</c:v>
                </c:pt>
                <c:pt idx="42">
                  <c:v>0.47383438789999999</c:v>
                </c:pt>
                <c:pt idx="43">
                  <c:v>0.48268214620000005</c:v>
                </c:pt>
                <c:pt idx="44">
                  <c:v>0.49192200599999997</c:v>
                </c:pt>
                <c:pt idx="45">
                  <c:v>0.50078024720000003</c:v>
                </c:pt>
                <c:pt idx="46">
                  <c:v>0.50961817050000002</c:v>
                </c:pt>
                <c:pt idx="47">
                  <c:v>0.51785989100000007</c:v>
                </c:pt>
                <c:pt idx="48">
                  <c:v>0.52539811280000004</c:v>
                </c:pt>
                <c:pt idx="49">
                  <c:v>0.53175653519999999</c:v>
                </c:pt>
                <c:pt idx="50">
                  <c:v>0.5366351828</c:v>
                </c:pt>
                <c:pt idx="51">
                  <c:v>0.54037112749999994</c:v>
                </c:pt>
                <c:pt idx="52">
                  <c:v>0.54247258600000003</c:v>
                </c:pt>
                <c:pt idx="53">
                  <c:v>0.54281234</c:v>
                </c:pt>
                <c:pt idx="54">
                  <c:v>0.54177881039999998</c:v>
                </c:pt>
                <c:pt idx="55">
                  <c:v>0.53875569990000005</c:v>
                </c:pt>
                <c:pt idx="56">
                  <c:v>0.53455255180000005</c:v>
                </c:pt>
                <c:pt idx="57">
                  <c:v>0.52936482429999998</c:v>
                </c:pt>
                <c:pt idx="58">
                  <c:v>0.52389503270000004</c:v>
                </c:pt>
                <c:pt idx="59">
                  <c:v>0.51840317250000001</c:v>
                </c:pt>
                <c:pt idx="60">
                  <c:v>0.51301660390000003</c:v>
                </c:pt>
                <c:pt idx="61">
                  <c:v>0.50785094500000005</c:v>
                </c:pt>
                <c:pt idx="62">
                  <c:v>0.50281038879999995</c:v>
                </c:pt>
                <c:pt idx="63">
                  <c:v>0.49854224920000001</c:v>
                </c:pt>
                <c:pt idx="64">
                  <c:v>0.49406201390000004</c:v>
                </c:pt>
                <c:pt idx="65">
                  <c:v>0.48948807269999994</c:v>
                </c:pt>
                <c:pt idx="66">
                  <c:v>0.48538276549999992</c:v>
                </c:pt>
                <c:pt idx="67">
                  <c:v>0.48172242939999999</c:v>
                </c:pt>
                <c:pt idx="68">
                  <c:v>0.47877651460000004</c:v>
                </c:pt>
                <c:pt idx="69">
                  <c:v>0.47660053520000001</c:v>
                </c:pt>
                <c:pt idx="70">
                  <c:v>0.47547083349999997</c:v>
                </c:pt>
                <c:pt idx="71">
                  <c:v>0.47569998349999998</c:v>
                </c:pt>
                <c:pt idx="72">
                  <c:v>0.47710994630000003</c:v>
                </c:pt>
                <c:pt idx="73">
                  <c:v>0.47977730630000004</c:v>
                </c:pt>
                <c:pt idx="74">
                  <c:v>0.48391819750000004</c:v>
                </c:pt>
                <c:pt idx="75">
                  <c:v>0.4897858873</c:v>
                </c:pt>
                <c:pt idx="76">
                  <c:v>0.49659423530000002</c:v>
                </c:pt>
                <c:pt idx="77">
                  <c:v>0.50474575160000001</c:v>
                </c:pt>
                <c:pt idx="78">
                  <c:v>0.51369784029999999</c:v>
                </c:pt>
                <c:pt idx="79">
                  <c:v>0.52338791639999993</c:v>
                </c:pt>
                <c:pt idx="80">
                  <c:v>0.53363640609999996</c:v>
                </c:pt>
                <c:pt idx="81">
                  <c:v>0.54417221990000009</c:v>
                </c:pt>
                <c:pt idx="82">
                  <c:v>0.55473571269999999</c:v>
                </c:pt>
                <c:pt idx="83">
                  <c:v>0.56522212179999998</c:v>
                </c:pt>
                <c:pt idx="84">
                  <c:v>0.57535403219999992</c:v>
                </c:pt>
                <c:pt idx="85">
                  <c:v>0.58472704889999993</c:v>
                </c:pt>
                <c:pt idx="86">
                  <c:v>0.59289219230000001</c:v>
                </c:pt>
                <c:pt idx="87">
                  <c:v>0.59976211930000001</c:v>
                </c:pt>
                <c:pt idx="88">
                  <c:v>0.60491897169999997</c:v>
                </c:pt>
                <c:pt idx="89">
                  <c:v>0.60851684210000001</c:v>
                </c:pt>
                <c:pt idx="90">
                  <c:v>0.60944243529999997</c:v>
                </c:pt>
                <c:pt idx="91">
                  <c:v>0.60810729119999996</c:v>
                </c:pt>
                <c:pt idx="92">
                  <c:v>0.60531620679999998</c:v>
                </c:pt>
                <c:pt idx="93">
                  <c:v>0.5999132693</c:v>
                </c:pt>
                <c:pt idx="94">
                  <c:v>0.5929079652</c:v>
                </c:pt>
                <c:pt idx="95">
                  <c:v>0.5840369165</c:v>
                </c:pt>
                <c:pt idx="96">
                  <c:v>0.5729506016</c:v>
                </c:pt>
                <c:pt idx="97">
                  <c:v>0.56045092639999994</c:v>
                </c:pt>
                <c:pt idx="98">
                  <c:v>0.54733215270000002</c:v>
                </c:pt>
                <c:pt idx="99">
                  <c:v>0.53278028960000001</c:v>
                </c:pt>
                <c:pt idx="100">
                  <c:v>0.51709790529999999</c:v>
                </c:pt>
                <c:pt idx="101">
                  <c:v>0.50091443209999997</c:v>
                </c:pt>
                <c:pt idx="102">
                  <c:v>0.48386138680000002</c:v>
                </c:pt>
                <c:pt idx="103">
                  <c:v>0.46669751410000004</c:v>
                </c:pt>
                <c:pt idx="104">
                  <c:v>0.44940592349999997</c:v>
                </c:pt>
                <c:pt idx="105">
                  <c:v>0.43199776110000004</c:v>
                </c:pt>
                <c:pt idx="106">
                  <c:v>0.41497664149999997</c:v>
                </c:pt>
                <c:pt idx="107">
                  <c:v>0.39748564359999999</c:v>
                </c:pt>
                <c:pt idx="108">
                  <c:v>0.38094167410000002</c:v>
                </c:pt>
                <c:pt idx="109">
                  <c:v>0.3647856116</c:v>
                </c:pt>
                <c:pt idx="110">
                  <c:v>0.34879273180000003</c:v>
                </c:pt>
                <c:pt idx="111">
                  <c:v>0.33288991449999999</c:v>
                </c:pt>
                <c:pt idx="112">
                  <c:v>0.31745068730000003</c:v>
                </c:pt>
                <c:pt idx="113">
                  <c:v>0.30207282299999999</c:v>
                </c:pt>
                <c:pt idx="114">
                  <c:v>0.28696137669999999</c:v>
                </c:pt>
                <c:pt idx="115">
                  <c:v>0.27200676499999998</c:v>
                </c:pt>
                <c:pt idx="116">
                  <c:v>0.25712049009999999</c:v>
                </c:pt>
                <c:pt idx="117">
                  <c:v>0.24289576709999999</c:v>
                </c:pt>
                <c:pt idx="118">
                  <c:v>0.22937022150000003</c:v>
                </c:pt>
                <c:pt idx="119">
                  <c:v>0.21629911669999996</c:v>
                </c:pt>
                <c:pt idx="120">
                  <c:v>0.20285502080000001</c:v>
                </c:pt>
                <c:pt idx="121">
                  <c:v>0.19190527500000001</c:v>
                </c:pt>
                <c:pt idx="122">
                  <c:v>0.18119797110000002</c:v>
                </c:pt>
                <c:pt idx="123">
                  <c:v>0.17025847729999999</c:v>
                </c:pt>
                <c:pt idx="124">
                  <c:v>0.16150613130000002</c:v>
                </c:pt>
                <c:pt idx="125">
                  <c:v>0.1522827893</c:v>
                </c:pt>
                <c:pt idx="126">
                  <c:v>0.14284627139999997</c:v>
                </c:pt>
                <c:pt idx="127">
                  <c:v>0.13492722810000002</c:v>
                </c:pt>
                <c:pt idx="128">
                  <c:v>0.13003371659999999</c:v>
                </c:pt>
                <c:pt idx="129">
                  <c:v>0.123614952</c:v>
                </c:pt>
                <c:pt idx="130">
                  <c:v>0.12020826339999999</c:v>
                </c:pt>
                <c:pt idx="131">
                  <c:v>0.11688797179999999</c:v>
                </c:pt>
                <c:pt idx="132">
                  <c:v>0.11456006760000001</c:v>
                </c:pt>
                <c:pt idx="133">
                  <c:v>0.11120182279999999</c:v>
                </c:pt>
                <c:pt idx="134">
                  <c:v>0.11052282160000002</c:v>
                </c:pt>
                <c:pt idx="135">
                  <c:v>0.10871018459999998</c:v>
                </c:pt>
                <c:pt idx="136">
                  <c:v>0.10789877180000002</c:v>
                </c:pt>
                <c:pt idx="137">
                  <c:v>0.1069144756</c:v>
                </c:pt>
                <c:pt idx="138">
                  <c:v>0.1076969505</c:v>
                </c:pt>
                <c:pt idx="139">
                  <c:v>0.1058953255</c:v>
                </c:pt>
                <c:pt idx="140">
                  <c:v>0.10669685899999998</c:v>
                </c:pt>
                <c:pt idx="141">
                  <c:v>0.10542435940000003</c:v>
                </c:pt>
                <c:pt idx="142">
                  <c:v>0.1057935059</c:v>
                </c:pt>
                <c:pt idx="143">
                  <c:v>0.10583224889999998</c:v>
                </c:pt>
                <c:pt idx="144">
                  <c:v>0.10641211269999998</c:v>
                </c:pt>
                <c:pt idx="145">
                  <c:v>0.1064136624</c:v>
                </c:pt>
                <c:pt idx="146">
                  <c:v>0.10725705320000001</c:v>
                </c:pt>
                <c:pt idx="147">
                  <c:v>0.10790787640000002</c:v>
                </c:pt>
                <c:pt idx="148">
                  <c:v>0.10858619210000001</c:v>
                </c:pt>
                <c:pt idx="149">
                  <c:v>0.10941429429999999</c:v>
                </c:pt>
                <c:pt idx="150">
                  <c:v>0.10970997809999999</c:v>
                </c:pt>
                <c:pt idx="151">
                  <c:v>0.10987335440000001</c:v>
                </c:pt>
                <c:pt idx="152">
                  <c:v>0.11056491730000001</c:v>
                </c:pt>
                <c:pt idx="153">
                  <c:v>0.11233220990000004</c:v>
                </c:pt>
                <c:pt idx="154">
                  <c:v>0.11443974080000002</c:v>
                </c:pt>
                <c:pt idx="155">
                  <c:v>0.11747707430000001</c:v>
                </c:pt>
                <c:pt idx="156">
                  <c:v>0.1214710027</c:v>
                </c:pt>
                <c:pt idx="157">
                  <c:v>0.12614113090000004</c:v>
                </c:pt>
                <c:pt idx="158">
                  <c:v>0.13102358579999998</c:v>
                </c:pt>
                <c:pt idx="159">
                  <c:v>0.13827653229999998</c:v>
                </c:pt>
                <c:pt idx="160">
                  <c:v>0.14533771579999999</c:v>
                </c:pt>
                <c:pt idx="161">
                  <c:v>0.1527592092</c:v>
                </c:pt>
                <c:pt idx="162">
                  <c:v>0.1596892775</c:v>
                </c:pt>
                <c:pt idx="163">
                  <c:v>0.16652970020000002</c:v>
                </c:pt>
                <c:pt idx="164">
                  <c:v>0.17324136200000001</c:v>
                </c:pt>
                <c:pt idx="165">
                  <c:v>0.17917735879999999</c:v>
                </c:pt>
                <c:pt idx="166">
                  <c:v>0.18506737049999997</c:v>
                </c:pt>
                <c:pt idx="167">
                  <c:v>0.19220115239999999</c:v>
                </c:pt>
                <c:pt idx="168">
                  <c:v>0.20045469699999999</c:v>
                </c:pt>
                <c:pt idx="169">
                  <c:v>0.21181024610000002</c:v>
                </c:pt>
                <c:pt idx="170">
                  <c:v>0.2256102562</c:v>
                </c:pt>
                <c:pt idx="171">
                  <c:v>0.24317887429999999</c:v>
                </c:pt>
                <c:pt idx="172">
                  <c:v>0.25993666049999997</c:v>
                </c:pt>
                <c:pt idx="173">
                  <c:v>0.2786867469</c:v>
                </c:pt>
                <c:pt idx="174">
                  <c:v>0.29923260209999997</c:v>
                </c:pt>
              </c:numCache>
            </c:numRef>
          </c:yVal>
          <c:smooth val="1"/>
          <c:extLst>
            <c:ext xmlns:c16="http://schemas.microsoft.com/office/drawing/2014/chart" uri="{C3380CC4-5D6E-409C-BE32-E72D297353CC}">
              <c16:uniqueId val="{0000000A-A415-4ECF-917B-4C54DA15B2EC}"/>
            </c:ext>
          </c:extLst>
        </c:ser>
        <c:ser>
          <c:idx val="11"/>
          <c:order val="11"/>
          <c:tx>
            <c:strRef>
              <c:f>'Part 3'!$K$40</c:f>
              <c:strCache>
                <c:ptCount val="1"/>
                <c:pt idx="0">
                  <c:v>Sample 12</c:v>
                </c:pt>
              </c:strCache>
            </c:strRef>
          </c:tx>
          <c:spPr>
            <a:ln w="19050" cap="rnd">
              <a:solidFill>
                <a:schemeClr val="accent6">
                  <a:lumMod val="6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0:$GD$40</c:f>
              <c:numCache>
                <c:formatCode>General</c:formatCode>
                <c:ptCount val="175"/>
                <c:pt idx="0">
                  <c:v>2.2730894350000003E-2</c:v>
                </c:pt>
                <c:pt idx="1">
                  <c:v>2.440476422E-2</c:v>
                </c:pt>
                <c:pt idx="2">
                  <c:v>2.6467964029999999E-2</c:v>
                </c:pt>
                <c:pt idx="3">
                  <c:v>2.8718322549999994E-2</c:v>
                </c:pt>
                <c:pt idx="4">
                  <c:v>3.1235292540000001E-2</c:v>
                </c:pt>
                <c:pt idx="5">
                  <c:v>3.4109152880000007E-2</c:v>
                </c:pt>
                <c:pt idx="6">
                  <c:v>3.7562578870000002E-2</c:v>
                </c:pt>
                <c:pt idx="7">
                  <c:v>4.1336573700000004E-2</c:v>
                </c:pt>
                <c:pt idx="8">
                  <c:v>4.5342072859999999E-2</c:v>
                </c:pt>
                <c:pt idx="9">
                  <c:v>4.9863353329999985E-2</c:v>
                </c:pt>
                <c:pt idx="10">
                  <c:v>5.5157214389999987E-2</c:v>
                </c:pt>
                <c:pt idx="11">
                  <c:v>6.0889482539999998E-2</c:v>
                </c:pt>
                <c:pt idx="12">
                  <c:v>6.6855430650000019E-2</c:v>
                </c:pt>
                <c:pt idx="13">
                  <c:v>7.3754861929999999E-2</c:v>
                </c:pt>
                <c:pt idx="14">
                  <c:v>8.1516414890000014E-2</c:v>
                </c:pt>
                <c:pt idx="15">
                  <c:v>8.993423733E-2</c:v>
                </c:pt>
                <c:pt idx="16">
                  <c:v>9.9019870210000013E-2</c:v>
                </c:pt>
                <c:pt idx="17">
                  <c:v>0.10922464733000001</c:v>
                </c:pt>
                <c:pt idx="18">
                  <c:v>0.12011589110999998</c:v>
                </c:pt>
                <c:pt idx="19">
                  <c:v>0.1320230365</c:v>
                </c:pt>
                <c:pt idx="20">
                  <c:v>0.14474933600000001</c:v>
                </c:pt>
                <c:pt idx="21">
                  <c:v>0.15887941420000001</c:v>
                </c:pt>
                <c:pt idx="22">
                  <c:v>0.17418953779999999</c:v>
                </c:pt>
                <c:pt idx="23">
                  <c:v>0.19068980209999997</c:v>
                </c:pt>
                <c:pt idx="24">
                  <c:v>0.20866148179999999</c:v>
                </c:pt>
                <c:pt idx="25">
                  <c:v>0.22850446400000002</c:v>
                </c:pt>
                <c:pt idx="26">
                  <c:v>0.24999047809999997</c:v>
                </c:pt>
                <c:pt idx="27">
                  <c:v>0.27362418919999998</c:v>
                </c:pt>
                <c:pt idx="28">
                  <c:v>0.29981059580000002</c:v>
                </c:pt>
                <c:pt idx="29">
                  <c:v>0.32807353140000001</c:v>
                </c:pt>
                <c:pt idx="30">
                  <c:v>0.35861887040000001</c:v>
                </c:pt>
                <c:pt idx="31">
                  <c:v>0.39068268989999999</c:v>
                </c:pt>
                <c:pt idx="32">
                  <c:v>0.42384123059999995</c:v>
                </c:pt>
                <c:pt idx="33">
                  <c:v>0.4571068808</c:v>
                </c:pt>
                <c:pt idx="34">
                  <c:v>0.48938141020000003</c:v>
                </c:pt>
                <c:pt idx="35">
                  <c:v>0.51992136979999992</c:v>
                </c:pt>
                <c:pt idx="36">
                  <c:v>0.54736535999999991</c:v>
                </c:pt>
                <c:pt idx="37">
                  <c:v>0.57146116339999997</c:v>
                </c:pt>
                <c:pt idx="38">
                  <c:v>0.59231975670000003</c:v>
                </c:pt>
                <c:pt idx="39">
                  <c:v>0.61045996100000011</c:v>
                </c:pt>
                <c:pt idx="40">
                  <c:v>0.62620505690000006</c:v>
                </c:pt>
                <c:pt idx="41">
                  <c:v>0.64022758609999997</c:v>
                </c:pt>
                <c:pt idx="42">
                  <c:v>0.65352850400000007</c:v>
                </c:pt>
                <c:pt idx="43">
                  <c:v>0.66621325170000001</c:v>
                </c:pt>
                <c:pt idx="44">
                  <c:v>0.67885963620000012</c:v>
                </c:pt>
                <c:pt idx="45">
                  <c:v>0.6909143553</c:v>
                </c:pt>
                <c:pt idx="46">
                  <c:v>0.70230615880000002</c:v>
                </c:pt>
                <c:pt idx="47">
                  <c:v>0.71301837260000001</c:v>
                </c:pt>
                <c:pt idx="48">
                  <c:v>0.72209230810000002</c:v>
                </c:pt>
                <c:pt idx="49">
                  <c:v>0.72964729370000003</c:v>
                </c:pt>
                <c:pt idx="50">
                  <c:v>0.73559584470000006</c:v>
                </c:pt>
                <c:pt idx="51">
                  <c:v>0.73966068779999994</c:v>
                </c:pt>
                <c:pt idx="52">
                  <c:v>0.74123202259999998</c:v>
                </c:pt>
                <c:pt idx="53">
                  <c:v>0.74064569920000001</c:v>
                </c:pt>
                <c:pt idx="54">
                  <c:v>0.73813015969999995</c:v>
                </c:pt>
                <c:pt idx="55">
                  <c:v>0.73300097880000004</c:v>
                </c:pt>
                <c:pt idx="56">
                  <c:v>0.72603259230000006</c:v>
                </c:pt>
                <c:pt idx="57">
                  <c:v>0.71752530329999997</c:v>
                </c:pt>
                <c:pt idx="58">
                  <c:v>0.70813209570000002</c:v>
                </c:pt>
                <c:pt idx="59">
                  <c:v>0.69822388889999998</c:v>
                </c:pt>
                <c:pt idx="60">
                  <c:v>0.68772204969999995</c:v>
                </c:pt>
                <c:pt idx="61">
                  <c:v>0.6769447327</c:v>
                </c:pt>
                <c:pt idx="62">
                  <c:v>0.66572096939999992</c:v>
                </c:pt>
                <c:pt idx="63">
                  <c:v>0.65451610090000001</c:v>
                </c:pt>
                <c:pt idx="64">
                  <c:v>0.64228773859999999</c:v>
                </c:pt>
                <c:pt idx="65">
                  <c:v>0.6297973469</c:v>
                </c:pt>
                <c:pt idx="66">
                  <c:v>0.61726239319999998</c:v>
                </c:pt>
                <c:pt idx="67">
                  <c:v>0.60461463029999996</c:v>
                </c:pt>
                <c:pt idx="68">
                  <c:v>0.59240221979999996</c:v>
                </c:pt>
                <c:pt idx="69">
                  <c:v>0.58035630729999999</c:v>
                </c:pt>
                <c:pt idx="70">
                  <c:v>0.56877248739999997</c:v>
                </c:pt>
                <c:pt idx="71">
                  <c:v>0.55828096719999998</c:v>
                </c:pt>
                <c:pt idx="72">
                  <c:v>0.54876343159999996</c:v>
                </c:pt>
                <c:pt idx="73">
                  <c:v>0.54039052129999998</c:v>
                </c:pt>
                <c:pt idx="74">
                  <c:v>0.53269482410000002</c:v>
                </c:pt>
                <c:pt idx="75">
                  <c:v>0.52627418189999997</c:v>
                </c:pt>
                <c:pt idx="76">
                  <c:v>0.52076248829999994</c:v>
                </c:pt>
                <c:pt idx="77">
                  <c:v>0.51644268630000001</c:v>
                </c:pt>
                <c:pt idx="78">
                  <c:v>0.51263669879999996</c:v>
                </c:pt>
                <c:pt idx="79">
                  <c:v>0.5098639801</c:v>
                </c:pt>
                <c:pt idx="80">
                  <c:v>0.50726927820000001</c:v>
                </c:pt>
                <c:pt idx="81">
                  <c:v>0.50547122210000006</c:v>
                </c:pt>
                <c:pt idx="82">
                  <c:v>0.50361429899999999</c:v>
                </c:pt>
                <c:pt idx="83">
                  <c:v>0.50256077199999993</c:v>
                </c:pt>
                <c:pt idx="84">
                  <c:v>0.501582317</c:v>
                </c:pt>
                <c:pt idx="85">
                  <c:v>0.50003802769999994</c:v>
                </c:pt>
                <c:pt idx="86">
                  <c:v>0.49848534910000003</c:v>
                </c:pt>
                <c:pt idx="87">
                  <c:v>0.49596480279999999</c:v>
                </c:pt>
                <c:pt idx="88">
                  <c:v>0.49307705470000002</c:v>
                </c:pt>
                <c:pt idx="89">
                  <c:v>0.48958119749999995</c:v>
                </c:pt>
                <c:pt idx="90">
                  <c:v>0.4845156894</c:v>
                </c:pt>
                <c:pt idx="91">
                  <c:v>0.47840174290000004</c:v>
                </c:pt>
                <c:pt idx="92">
                  <c:v>0.47149316970000005</c:v>
                </c:pt>
                <c:pt idx="93">
                  <c:v>0.46331354969999994</c:v>
                </c:pt>
                <c:pt idx="94">
                  <c:v>0.45456302169999996</c:v>
                </c:pt>
                <c:pt idx="95">
                  <c:v>0.44478544590000002</c:v>
                </c:pt>
                <c:pt idx="96">
                  <c:v>0.43351757530000001</c:v>
                </c:pt>
                <c:pt idx="97">
                  <c:v>0.42201234399999998</c:v>
                </c:pt>
                <c:pt idx="98">
                  <c:v>0.41038195789999998</c:v>
                </c:pt>
                <c:pt idx="99">
                  <c:v>0.39784437409999995</c:v>
                </c:pt>
                <c:pt idx="100">
                  <c:v>0.38480599230000001</c:v>
                </c:pt>
                <c:pt idx="101">
                  <c:v>0.37186322359999996</c:v>
                </c:pt>
                <c:pt idx="102">
                  <c:v>0.35837262869999997</c:v>
                </c:pt>
                <c:pt idx="103">
                  <c:v>0.34480580690000001</c:v>
                </c:pt>
                <c:pt idx="104">
                  <c:v>0.33137838539999998</c:v>
                </c:pt>
                <c:pt idx="105">
                  <c:v>0.31834985310000002</c:v>
                </c:pt>
                <c:pt idx="106">
                  <c:v>0.30553726850000001</c:v>
                </c:pt>
                <c:pt idx="107">
                  <c:v>0.2927837371</c:v>
                </c:pt>
                <c:pt idx="108">
                  <c:v>0.28073890509999999</c:v>
                </c:pt>
                <c:pt idx="109">
                  <c:v>0.26856982709999999</c:v>
                </c:pt>
                <c:pt idx="110">
                  <c:v>0.2568438649</c:v>
                </c:pt>
                <c:pt idx="111">
                  <c:v>0.2454706431</c:v>
                </c:pt>
                <c:pt idx="112">
                  <c:v>0.2348126918</c:v>
                </c:pt>
                <c:pt idx="113">
                  <c:v>0.22391161319999997</c:v>
                </c:pt>
                <c:pt idx="114">
                  <c:v>0.21344482899999997</c:v>
                </c:pt>
                <c:pt idx="115">
                  <c:v>0.20302362740000002</c:v>
                </c:pt>
                <c:pt idx="116">
                  <c:v>0.19281718130000003</c:v>
                </c:pt>
                <c:pt idx="117">
                  <c:v>0.18326939650000001</c:v>
                </c:pt>
                <c:pt idx="118">
                  <c:v>0.17445133629999998</c:v>
                </c:pt>
                <c:pt idx="119">
                  <c:v>0.16618826989999996</c:v>
                </c:pt>
                <c:pt idx="120">
                  <c:v>0.15813460950000002</c:v>
                </c:pt>
                <c:pt idx="121">
                  <c:v>0.15129779280000002</c:v>
                </c:pt>
                <c:pt idx="122">
                  <c:v>0.14530199770000002</c:v>
                </c:pt>
                <c:pt idx="123">
                  <c:v>0.13946564490000002</c:v>
                </c:pt>
                <c:pt idx="124">
                  <c:v>0.13433317840000003</c:v>
                </c:pt>
                <c:pt idx="125">
                  <c:v>0.13028068840000001</c:v>
                </c:pt>
                <c:pt idx="126">
                  <c:v>0.12553541360000001</c:v>
                </c:pt>
                <c:pt idx="127">
                  <c:v>0.12326876819999999</c:v>
                </c:pt>
                <c:pt idx="128">
                  <c:v>0.1209928244</c:v>
                </c:pt>
                <c:pt idx="129">
                  <c:v>0.11985726660000001</c:v>
                </c:pt>
                <c:pt idx="130">
                  <c:v>0.11909446119999997</c:v>
                </c:pt>
                <c:pt idx="131">
                  <c:v>0.11927293249999998</c:v>
                </c:pt>
                <c:pt idx="132">
                  <c:v>0.1208117008</c:v>
                </c:pt>
                <c:pt idx="133">
                  <c:v>0.12050658459999999</c:v>
                </c:pt>
                <c:pt idx="134">
                  <c:v>0.12163878980000001</c:v>
                </c:pt>
                <c:pt idx="135">
                  <c:v>0.12148325139999999</c:v>
                </c:pt>
                <c:pt idx="136">
                  <c:v>0.12338757519999999</c:v>
                </c:pt>
                <c:pt idx="137">
                  <c:v>0.12409321969999998</c:v>
                </c:pt>
                <c:pt idx="138">
                  <c:v>0.12598764900000003</c:v>
                </c:pt>
                <c:pt idx="139">
                  <c:v>0.12614364920000001</c:v>
                </c:pt>
                <c:pt idx="140">
                  <c:v>0.12696830920000002</c:v>
                </c:pt>
                <c:pt idx="141">
                  <c:v>0.12527556710000001</c:v>
                </c:pt>
                <c:pt idx="142">
                  <c:v>0.12626588340000003</c:v>
                </c:pt>
                <c:pt idx="143">
                  <c:v>0.12632513039999999</c:v>
                </c:pt>
                <c:pt idx="144">
                  <c:v>0.12698185440000001</c:v>
                </c:pt>
                <c:pt idx="145">
                  <c:v>0.1263949573</c:v>
                </c:pt>
                <c:pt idx="146">
                  <c:v>0.12707559759999998</c:v>
                </c:pt>
                <c:pt idx="147">
                  <c:v>0.1262599677</c:v>
                </c:pt>
                <c:pt idx="148">
                  <c:v>0.12685582040000001</c:v>
                </c:pt>
                <c:pt idx="149">
                  <c:v>0.1266075223</c:v>
                </c:pt>
                <c:pt idx="150">
                  <c:v>0.12678822870000001</c:v>
                </c:pt>
                <c:pt idx="151">
                  <c:v>0.1267111897</c:v>
                </c:pt>
                <c:pt idx="152">
                  <c:v>0.12694785000000003</c:v>
                </c:pt>
                <c:pt idx="153">
                  <c:v>0.12898160520000002</c:v>
                </c:pt>
                <c:pt idx="154">
                  <c:v>0.13116838040000001</c:v>
                </c:pt>
                <c:pt idx="155">
                  <c:v>0.13508115709999999</c:v>
                </c:pt>
                <c:pt idx="156">
                  <c:v>0.13982100780000001</c:v>
                </c:pt>
                <c:pt idx="157">
                  <c:v>0.1464408636</c:v>
                </c:pt>
                <c:pt idx="158">
                  <c:v>0.1542712748</c:v>
                </c:pt>
                <c:pt idx="159">
                  <c:v>0.16351164880000002</c:v>
                </c:pt>
                <c:pt idx="160">
                  <c:v>0.17272157970000002</c:v>
                </c:pt>
                <c:pt idx="161">
                  <c:v>0.18304614720000004</c:v>
                </c:pt>
                <c:pt idx="162">
                  <c:v>0.19282659889999998</c:v>
                </c:pt>
                <c:pt idx="163">
                  <c:v>0.20161454379999999</c:v>
                </c:pt>
                <c:pt idx="164">
                  <c:v>0.20989371839999998</c:v>
                </c:pt>
                <c:pt idx="165">
                  <c:v>0.21638377010000001</c:v>
                </c:pt>
                <c:pt idx="166">
                  <c:v>0.22287292779999998</c:v>
                </c:pt>
                <c:pt idx="167">
                  <c:v>0.22919352350000002</c:v>
                </c:pt>
                <c:pt idx="168">
                  <c:v>0.23677702240000001</c:v>
                </c:pt>
                <c:pt idx="169">
                  <c:v>0.24516771740000001</c:v>
                </c:pt>
                <c:pt idx="170">
                  <c:v>0.25625216959999997</c:v>
                </c:pt>
                <c:pt idx="171">
                  <c:v>0.26906365160000001</c:v>
                </c:pt>
                <c:pt idx="172">
                  <c:v>0.2813937366</c:v>
                </c:pt>
                <c:pt idx="173">
                  <c:v>0.29589276009999999</c:v>
                </c:pt>
                <c:pt idx="174">
                  <c:v>0.31279429790000002</c:v>
                </c:pt>
              </c:numCache>
            </c:numRef>
          </c:yVal>
          <c:smooth val="1"/>
          <c:extLst>
            <c:ext xmlns:c16="http://schemas.microsoft.com/office/drawing/2014/chart" uri="{C3380CC4-5D6E-409C-BE32-E72D297353CC}">
              <c16:uniqueId val="{0000000B-A415-4ECF-917B-4C54DA15B2EC}"/>
            </c:ext>
          </c:extLst>
        </c:ser>
        <c:ser>
          <c:idx val="12"/>
          <c:order val="12"/>
          <c:tx>
            <c:strRef>
              <c:f>'Part 3'!$K$41</c:f>
              <c:strCache>
                <c:ptCount val="1"/>
                <c:pt idx="0">
                  <c:v>Sample 13</c:v>
                </c:pt>
              </c:strCache>
            </c:strRef>
          </c:tx>
          <c:spPr>
            <a:ln w="19050" cap="rnd">
              <a:solidFill>
                <a:schemeClr val="accent1">
                  <a:lumMod val="80000"/>
                  <a:lumOff val="2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1:$GD$41</c:f>
              <c:numCache>
                <c:formatCode>General</c:formatCode>
                <c:ptCount val="175"/>
                <c:pt idx="0">
                  <c:v>1.2333609150000008E-2</c:v>
                </c:pt>
                <c:pt idx="1">
                  <c:v>1.3290554319999995E-2</c:v>
                </c:pt>
                <c:pt idx="2">
                  <c:v>1.4566697229999995E-2</c:v>
                </c:pt>
                <c:pt idx="3">
                  <c:v>1.5554100249999994E-2</c:v>
                </c:pt>
                <c:pt idx="4">
                  <c:v>1.7296031140000001E-2</c:v>
                </c:pt>
                <c:pt idx="5">
                  <c:v>1.8783152080000004E-2</c:v>
                </c:pt>
                <c:pt idx="6">
                  <c:v>2.0669065370000003E-2</c:v>
                </c:pt>
                <c:pt idx="7">
                  <c:v>2.2997245200000002E-2</c:v>
                </c:pt>
                <c:pt idx="8">
                  <c:v>2.5238521360000002E-2</c:v>
                </c:pt>
                <c:pt idx="9">
                  <c:v>2.782052753E-2</c:v>
                </c:pt>
                <c:pt idx="10">
                  <c:v>3.0610173890000009E-2</c:v>
                </c:pt>
                <c:pt idx="11">
                  <c:v>3.3824518340000012E-2</c:v>
                </c:pt>
                <c:pt idx="12">
                  <c:v>3.7187471949999995E-2</c:v>
                </c:pt>
                <c:pt idx="13">
                  <c:v>4.1008442630000003E-2</c:v>
                </c:pt>
                <c:pt idx="14">
                  <c:v>4.5326650189999998E-2</c:v>
                </c:pt>
                <c:pt idx="15">
                  <c:v>4.9792952829999987E-2</c:v>
                </c:pt>
                <c:pt idx="16">
                  <c:v>5.4927259709999995E-2</c:v>
                </c:pt>
                <c:pt idx="17">
                  <c:v>6.0337021930000012E-2</c:v>
                </c:pt>
                <c:pt idx="18">
                  <c:v>6.599074600999999E-2</c:v>
                </c:pt>
                <c:pt idx="19">
                  <c:v>7.23752379E-2</c:v>
                </c:pt>
                <c:pt idx="20">
                  <c:v>7.8954093199999992E-2</c:v>
                </c:pt>
                <c:pt idx="21">
                  <c:v>8.6034953600000005E-2</c:v>
                </c:pt>
                <c:pt idx="22">
                  <c:v>9.4030216299999997E-2</c:v>
                </c:pt>
                <c:pt idx="23">
                  <c:v>0.10250569879999999</c:v>
                </c:pt>
                <c:pt idx="24">
                  <c:v>0.11135040229999998</c:v>
                </c:pt>
                <c:pt idx="25">
                  <c:v>0.12139466409999999</c:v>
                </c:pt>
                <c:pt idx="26">
                  <c:v>0.13223689789999998</c:v>
                </c:pt>
                <c:pt idx="27">
                  <c:v>0.14390415700000003</c:v>
                </c:pt>
                <c:pt idx="28">
                  <c:v>0.15628404170000001</c:v>
                </c:pt>
                <c:pt idx="29">
                  <c:v>0.16956058139999997</c:v>
                </c:pt>
                <c:pt idx="30">
                  <c:v>0.18375058480000001</c:v>
                </c:pt>
                <c:pt idx="31">
                  <c:v>0.19803326580000002</c:v>
                </c:pt>
                <c:pt idx="32">
                  <c:v>0.21283435079999996</c:v>
                </c:pt>
                <c:pt idx="33">
                  <c:v>0.22723525020000002</c:v>
                </c:pt>
                <c:pt idx="34">
                  <c:v>0.24121702469999998</c:v>
                </c:pt>
                <c:pt idx="35">
                  <c:v>0.25427830959999997</c:v>
                </c:pt>
                <c:pt idx="36">
                  <c:v>0.26588653769999998</c:v>
                </c:pt>
                <c:pt idx="37">
                  <c:v>0.27669873089999997</c:v>
                </c:pt>
                <c:pt idx="38">
                  <c:v>0.28641480200000002</c:v>
                </c:pt>
                <c:pt idx="39">
                  <c:v>0.2952924744</c:v>
                </c:pt>
                <c:pt idx="40">
                  <c:v>0.30322736500000003</c:v>
                </c:pt>
                <c:pt idx="41">
                  <c:v>0.31046217679999999</c:v>
                </c:pt>
                <c:pt idx="42">
                  <c:v>0.31753995260000001</c:v>
                </c:pt>
                <c:pt idx="43">
                  <c:v>0.32387197770000004</c:v>
                </c:pt>
                <c:pt idx="44">
                  <c:v>0.33004875480000001</c:v>
                </c:pt>
                <c:pt idx="45">
                  <c:v>0.33558230849999998</c:v>
                </c:pt>
                <c:pt idx="46">
                  <c:v>0.34050605439999998</c:v>
                </c:pt>
                <c:pt idx="47">
                  <c:v>0.34535627059999996</c:v>
                </c:pt>
                <c:pt idx="48">
                  <c:v>0.3496046438</c:v>
                </c:pt>
                <c:pt idx="49">
                  <c:v>0.3535460681</c:v>
                </c:pt>
                <c:pt idx="50">
                  <c:v>0.35647305109999999</c:v>
                </c:pt>
                <c:pt idx="51">
                  <c:v>0.35880566390000002</c:v>
                </c:pt>
                <c:pt idx="52">
                  <c:v>0.3604450374</c:v>
                </c:pt>
                <c:pt idx="53">
                  <c:v>0.36158262939999997</c:v>
                </c:pt>
                <c:pt idx="54">
                  <c:v>0.36210865530000003</c:v>
                </c:pt>
                <c:pt idx="55">
                  <c:v>0.3617848306</c:v>
                </c:pt>
                <c:pt idx="56">
                  <c:v>0.36124328520000004</c:v>
                </c:pt>
                <c:pt idx="57">
                  <c:v>0.36043637989999999</c:v>
                </c:pt>
                <c:pt idx="58">
                  <c:v>0.35981253540000002</c:v>
                </c:pt>
                <c:pt idx="59">
                  <c:v>0.35933935640000003</c:v>
                </c:pt>
                <c:pt idx="60">
                  <c:v>0.35884087529999997</c:v>
                </c:pt>
                <c:pt idx="61">
                  <c:v>0.35863348849999999</c:v>
                </c:pt>
                <c:pt idx="62">
                  <c:v>0.35906821490000002</c:v>
                </c:pt>
                <c:pt idx="63">
                  <c:v>0.36012300850000001</c:v>
                </c:pt>
                <c:pt idx="64">
                  <c:v>0.3617672696</c:v>
                </c:pt>
                <c:pt idx="65">
                  <c:v>0.36465898900000004</c:v>
                </c:pt>
                <c:pt idx="66">
                  <c:v>0.36863100520000003</c:v>
                </c:pt>
                <c:pt idx="67">
                  <c:v>0.37359042460000003</c:v>
                </c:pt>
                <c:pt idx="68">
                  <c:v>0.3805579543</c:v>
                </c:pt>
                <c:pt idx="69">
                  <c:v>0.38855434200000005</c:v>
                </c:pt>
                <c:pt idx="70">
                  <c:v>0.39801120010000002</c:v>
                </c:pt>
                <c:pt idx="71">
                  <c:v>0.40949817740000005</c:v>
                </c:pt>
                <c:pt idx="72">
                  <c:v>0.422733523</c:v>
                </c:pt>
                <c:pt idx="73">
                  <c:v>0.43770655990000007</c:v>
                </c:pt>
                <c:pt idx="74">
                  <c:v>0.4543687776</c:v>
                </c:pt>
                <c:pt idx="75">
                  <c:v>0.47321394830000002</c:v>
                </c:pt>
                <c:pt idx="76">
                  <c:v>0.49344448750000003</c:v>
                </c:pt>
                <c:pt idx="77">
                  <c:v>0.51503762600000003</c:v>
                </c:pt>
                <c:pt idx="78">
                  <c:v>0.53792015459999998</c:v>
                </c:pt>
                <c:pt idx="79">
                  <c:v>0.5615553929999999</c:v>
                </c:pt>
                <c:pt idx="80">
                  <c:v>0.58564443889999995</c:v>
                </c:pt>
                <c:pt idx="81">
                  <c:v>0.6103955432</c:v>
                </c:pt>
                <c:pt idx="82">
                  <c:v>0.63467913119999997</c:v>
                </c:pt>
                <c:pt idx="83">
                  <c:v>0.65885821729999994</c:v>
                </c:pt>
                <c:pt idx="84">
                  <c:v>0.68187569819999994</c:v>
                </c:pt>
                <c:pt idx="85">
                  <c:v>0.70308643579999996</c:v>
                </c:pt>
                <c:pt idx="86">
                  <c:v>0.72276826940000005</c:v>
                </c:pt>
                <c:pt idx="87">
                  <c:v>0.73990014940000004</c:v>
                </c:pt>
                <c:pt idx="88">
                  <c:v>0.75423915689999999</c:v>
                </c:pt>
                <c:pt idx="89">
                  <c:v>0.76531043649999997</c:v>
                </c:pt>
                <c:pt idx="90">
                  <c:v>0.77319195129999996</c:v>
                </c:pt>
                <c:pt idx="91">
                  <c:v>0.77734526250000002</c:v>
                </c:pt>
                <c:pt idx="92">
                  <c:v>0.77826999129999996</c:v>
                </c:pt>
                <c:pt idx="93">
                  <c:v>0.77531591059999994</c:v>
                </c:pt>
                <c:pt idx="94">
                  <c:v>0.76985549929999997</c:v>
                </c:pt>
                <c:pt idx="95">
                  <c:v>0.76128545400000003</c:v>
                </c:pt>
                <c:pt idx="96">
                  <c:v>0.74934142830000006</c:v>
                </c:pt>
                <c:pt idx="97">
                  <c:v>0.73556138569999996</c:v>
                </c:pt>
                <c:pt idx="98">
                  <c:v>0.71976785360000006</c:v>
                </c:pt>
                <c:pt idx="99">
                  <c:v>0.70200943939999993</c:v>
                </c:pt>
                <c:pt idx="100">
                  <c:v>0.68235446519999998</c:v>
                </c:pt>
                <c:pt idx="101">
                  <c:v>0.6616081372</c:v>
                </c:pt>
                <c:pt idx="102">
                  <c:v>0.6398639679</c:v>
                </c:pt>
                <c:pt idx="103">
                  <c:v>0.61701834209999995</c:v>
                </c:pt>
                <c:pt idx="104">
                  <c:v>0.59410752359999996</c:v>
                </c:pt>
                <c:pt idx="105">
                  <c:v>0.57085005940000011</c:v>
                </c:pt>
                <c:pt idx="106">
                  <c:v>0.54799078410000002</c:v>
                </c:pt>
                <c:pt idx="107">
                  <c:v>0.52536794539999998</c:v>
                </c:pt>
                <c:pt idx="108">
                  <c:v>0.50293211640000002</c:v>
                </c:pt>
                <c:pt idx="109">
                  <c:v>0.48082536460000003</c:v>
                </c:pt>
                <c:pt idx="110">
                  <c:v>0.45899316670000001</c:v>
                </c:pt>
                <c:pt idx="111">
                  <c:v>0.43741163610000006</c:v>
                </c:pt>
                <c:pt idx="112">
                  <c:v>0.41658665239999992</c:v>
                </c:pt>
                <c:pt idx="113">
                  <c:v>0.39523008460000003</c:v>
                </c:pt>
                <c:pt idx="114">
                  <c:v>0.3744512498</c:v>
                </c:pt>
                <c:pt idx="115">
                  <c:v>0.35342724619999999</c:v>
                </c:pt>
                <c:pt idx="116">
                  <c:v>0.3328919709</c:v>
                </c:pt>
                <c:pt idx="117">
                  <c:v>0.31333746020000003</c:v>
                </c:pt>
                <c:pt idx="118">
                  <c:v>0.29381667080000001</c:v>
                </c:pt>
                <c:pt idx="119">
                  <c:v>0.27514842159999997</c:v>
                </c:pt>
                <c:pt idx="120">
                  <c:v>0.25675472620000001</c:v>
                </c:pt>
                <c:pt idx="121">
                  <c:v>0.24069584899999999</c:v>
                </c:pt>
                <c:pt idx="122">
                  <c:v>0.2245114446</c:v>
                </c:pt>
                <c:pt idx="123">
                  <c:v>0.2090701311</c:v>
                </c:pt>
                <c:pt idx="124">
                  <c:v>0.1957549006</c:v>
                </c:pt>
                <c:pt idx="125">
                  <c:v>0.18182085449999996</c:v>
                </c:pt>
                <c:pt idx="126">
                  <c:v>0.16757936779999996</c:v>
                </c:pt>
                <c:pt idx="127">
                  <c:v>0.15488062800000002</c:v>
                </c:pt>
                <c:pt idx="128">
                  <c:v>0.14432995020000003</c:v>
                </c:pt>
                <c:pt idx="129">
                  <c:v>0.1357289404</c:v>
                </c:pt>
                <c:pt idx="130">
                  <c:v>0.12684959170000001</c:v>
                </c:pt>
                <c:pt idx="131">
                  <c:v>0.11879022420000002</c:v>
                </c:pt>
                <c:pt idx="132">
                  <c:v>0.11320245260000003</c:v>
                </c:pt>
                <c:pt idx="133">
                  <c:v>0.10680584609999999</c:v>
                </c:pt>
                <c:pt idx="134">
                  <c:v>0.10125209390000001</c:v>
                </c:pt>
                <c:pt idx="135">
                  <c:v>9.6478164099999986E-2</c:v>
                </c:pt>
                <c:pt idx="136">
                  <c:v>9.2761546400000006E-2</c:v>
                </c:pt>
                <c:pt idx="137">
                  <c:v>8.9380964699999982E-2</c:v>
                </c:pt>
                <c:pt idx="138">
                  <c:v>8.7577462200000011E-2</c:v>
                </c:pt>
                <c:pt idx="139">
                  <c:v>8.4783628599999994E-2</c:v>
                </c:pt>
                <c:pt idx="140">
                  <c:v>8.4939762899999993E-2</c:v>
                </c:pt>
                <c:pt idx="141">
                  <c:v>8.2935243800000003E-2</c:v>
                </c:pt>
                <c:pt idx="142">
                  <c:v>8.2499533900000005E-2</c:v>
                </c:pt>
                <c:pt idx="143">
                  <c:v>8.3987504200000007E-2</c:v>
                </c:pt>
                <c:pt idx="144">
                  <c:v>8.5296109300000006E-2</c:v>
                </c:pt>
                <c:pt idx="145">
                  <c:v>8.7328702199999997E-2</c:v>
                </c:pt>
                <c:pt idx="146">
                  <c:v>8.9536517799999993E-2</c:v>
                </c:pt>
                <c:pt idx="147">
                  <c:v>9.110103550000001E-2</c:v>
                </c:pt>
                <c:pt idx="148">
                  <c:v>9.4077601999999982E-2</c:v>
                </c:pt>
                <c:pt idx="149">
                  <c:v>9.5832720400000015E-2</c:v>
                </c:pt>
                <c:pt idx="150">
                  <c:v>9.7543954799999999E-2</c:v>
                </c:pt>
                <c:pt idx="151">
                  <c:v>9.9484235000000032E-2</c:v>
                </c:pt>
                <c:pt idx="152">
                  <c:v>0.10126337410000003</c:v>
                </c:pt>
                <c:pt idx="153">
                  <c:v>0.10338999329999998</c:v>
                </c:pt>
                <c:pt idx="154">
                  <c:v>0.10605145990000003</c:v>
                </c:pt>
                <c:pt idx="155">
                  <c:v>0.1084085256</c:v>
                </c:pt>
                <c:pt idx="156">
                  <c:v>0.11177323760000002</c:v>
                </c:pt>
                <c:pt idx="157">
                  <c:v>0.1153307855</c:v>
                </c:pt>
                <c:pt idx="158">
                  <c:v>0.11876040699999998</c:v>
                </c:pt>
                <c:pt idx="159">
                  <c:v>0.12330918019999998</c:v>
                </c:pt>
                <c:pt idx="160">
                  <c:v>0.1269410104</c:v>
                </c:pt>
                <c:pt idx="161">
                  <c:v>0.13035471730000001</c:v>
                </c:pt>
                <c:pt idx="162">
                  <c:v>0.13416409499999998</c:v>
                </c:pt>
                <c:pt idx="163">
                  <c:v>0.13755927979999999</c:v>
                </c:pt>
                <c:pt idx="164">
                  <c:v>0.14054678380000002</c:v>
                </c:pt>
                <c:pt idx="165">
                  <c:v>0.14354492729999999</c:v>
                </c:pt>
                <c:pt idx="166">
                  <c:v>0.14817433059999999</c:v>
                </c:pt>
                <c:pt idx="167">
                  <c:v>0.15325079859999999</c:v>
                </c:pt>
                <c:pt idx="168">
                  <c:v>0.16107608370000001</c:v>
                </c:pt>
                <c:pt idx="169">
                  <c:v>0.17117349810000002</c:v>
                </c:pt>
                <c:pt idx="170">
                  <c:v>0.18541029099999998</c:v>
                </c:pt>
                <c:pt idx="171">
                  <c:v>0.20306673649999998</c:v>
                </c:pt>
                <c:pt idx="172">
                  <c:v>0.22116833919999998</c:v>
                </c:pt>
                <c:pt idx="173">
                  <c:v>0.24097825579999999</c:v>
                </c:pt>
                <c:pt idx="174">
                  <c:v>0.2623799443</c:v>
                </c:pt>
              </c:numCache>
            </c:numRef>
          </c:yVal>
          <c:smooth val="1"/>
          <c:extLst>
            <c:ext xmlns:c16="http://schemas.microsoft.com/office/drawing/2014/chart" uri="{C3380CC4-5D6E-409C-BE32-E72D297353CC}">
              <c16:uniqueId val="{0000000C-A415-4ECF-917B-4C54DA15B2EC}"/>
            </c:ext>
          </c:extLst>
        </c:ser>
        <c:ser>
          <c:idx val="13"/>
          <c:order val="13"/>
          <c:tx>
            <c:strRef>
              <c:f>'Part 3'!$K$42</c:f>
              <c:strCache>
                <c:ptCount val="1"/>
                <c:pt idx="0">
                  <c:v>Sample 14</c:v>
                </c:pt>
              </c:strCache>
            </c:strRef>
          </c:tx>
          <c:spPr>
            <a:ln w="19050" cap="rnd">
              <a:solidFill>
                <a:schemeClr val="accent2">
                  <a:lumMod val="80000"/>
                  <a:lumOff val="2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2:$GD$42</c:f>
              <c:numCache>
                <c:formatCode>General</c:formatCode>
                <c:ptCount val="175"/>
                <c:pt idx="0">
                  <c:v>1.1870034050000006E-2</c:v>
                </c:pt>
                <c:pt idx="1">
                  <c:v>1.2697815919999994E-2</c:v>
                </c:pt>
                <c:pt idx="2">
                  <c:v>1.3752989430000001E-2</c:v>
                </c:pt>
                <c:pt idx="3">
                  <c:v>1.5269458249999993E-2</c:v>
                </c:pt>
                <c:pt idx="4">
                  <c:v>1.665857434000001E-2</c:v>
                </c:pt>
                <c:pt idx="5">
                  <c:v>1.8190644679999993E-2</c:v>
                </c:pt>
                <c:pt idx="6">
                  <c:v>1.9986815769999999E-2</c:v>
                </c:pt>
                <c:pt idx="7">
                  <c:v>2.2172622400000008E-2</c:v>
                </c:pt>
                <c:pt idx="8">
                  <c:v>2.4383239460000011E-2</c:v>
                </c:pt>
                <c:pt idx="9">
                  <c:v>2.7058303329999991E-2</c:v>
                </c:pt>
                <c:pt idx="10">
                  <c:v>2.971142529000001E-2</c:v>
                </c:pt>
                <c:pt idx="11">
                  <c:v>3.2907202839999997E-2</c:v>
                </c:pt>
                <c:pt idx="12">
                  <c:v>3.6603927650000007E-2</c:v>
                </c:pt>
                <c:pt idx="13">
                  <c:v>4.025399683E-2</c:v>
                </c:pt>
                <c:pt idx="14">
                  <c:v>4.4844791290000005E-2</c:v>
                </c:pt>
                <c:pt idx="15">
                  <c:v>4.9564443530000002E-2</c:v>
                </c:pt>
                <c:pt idx="16">
                  <c:v>5.5127501509999996E-2</c:v>
                </c:pt>
                <c:pt idx="17">
                  <c:v>6.0802742830000006E-2</c:v>
                </c:pt>
                <c:pt idx="18">
                  <c:v>6.7417442810000006E-2</c:v>
                </c:pt>
                <c:pt idx="19">
                  <c:v>7.4258178499999994E-2</c:v>
                </c:pt>
                <c:pt idx="20">
                  <c:v>8.1581242400000004E-2</c:v>
                </c:pt>
                <c:pt idx="21">
                  <c:v>9.0240091100000017E-2</c:v>
                </c:pt>
                <c:pt idx="22">
                  <c:v>0.10005186499999999</c:v>
                </c:pt>
                <c:pt idx="23">
                  <c:v>0.11081293219999999</c:v>
                </c:pt>
                <c:pt idx="24">
                  <c:v>0.1224740446</c:v>
                </c:pt>
                <c:pt idx="25">
                  <c:v>0.1359014362</c:v>
                </c:pt>
                <c:pt idx="26">
                  <c:v>0.15098004039999996</c:v>
                </c:pt>
                <c:pt idx="27">
                  <c:v>0.16834796219999998</c:v>
                </c:pt>
                <c:pt idx="28">
                  <c:v>0.18791130930000002</c:v>
                </c:pt>
                <c:pt idx="29">
                  <c:v>0.20991712809999996</c:v>
                </c:pt>
                <c:pt idx="30">
                  <c:v>0.23449106520000002</c:v>
                </c:pt>
                <c:pt idx="31">
                  <c:v>0.26120447369999999</c:v>
                </c:pt>
                <c:pt idx="32">
                  <c:v>0.29043658820000001</c:v>
                </c:pt>
                <c:pt idx="33">
                  <c:v>0.32126735900000003</c:v>
                </c:pt>
                <c:pt idx="34">
                  <c:v>0.35252518209999995</c:v>
                </c:pt>
                <c:pt idx="35">
                  <c:v>0.38336003569999999</c:v>
                </c:pt>
                <c:pt idx="36">
                  <c:v>0.41258721800000003</c:v>
                </c:pt>
                <c:pt idx="37">
                  <c:v>0.43874099099999997</c:v>
                </c:pt>
                <c:pt idx="38">
                  <c:v>0.46134325860000003</c:v>
                </c:pt>
                <c:pt idx="39">
                  <c:v>0.48025432979999999</c:v>
                </c:pt>
                <c:pt idx="40">
                  <c:v>0.49563702939999998</c:v>
                </c:pt>
                <c:pt idx="41">
                  <c:v>0.50832042100000008</c:v>
                </c:pt>
                <c:pt idx="42">
                  <c:v>0.51983045780000003</c:v>
                </c:pt>
                <c:pt idx="43">
                  <c:v>0.53035382180000001</c:v>
                </c:pt>
                <c:pt idx="44">
                  <c:v>0.54119072849999994</c:v>
                </c:pt>
                <c:pt idx="45">
                  <c:v>0.55215778209999999</c:v>
                </c:pt>
                <c:pt idx="46">
                  <c:v>0.56315875800000004</c:v>
                </c:pt>
                <c:pt idx="47">
                  <c:v>0.57383306320000005</c:v>
                </c:pt>
                <c:pt idx="48">
                  <c:v>0.58395478870000006</c:v>
                </c:pt>
                <c:pt idx="49">
                  <c:v>0.59278358519999996</c:v>
                </c:pt>
                <c:pt idx="50">
                  <c:v>0.6001652703</c:v>
                </c:pt>
                <c:pt idx="51">
                  <c:v>0.60600865640000001</c:v>
                </c:pt>
                <c:pt idx="52">
                  <c:v>0.60996656120000003</c:v>
                </c:pt>
                <c:pt idx="53">
                  <c:v>0.61206024139999993</c:v>
                </c:pt>
                <c:pt idx="54">
                  <c:v>0.61266107120000002</c:v>
                </c:pt>
                <c:pt idx="55">
                  <c:v>0.61073063310000009</c:v>
                </c:pt>
                <c:pt idx="56">
                  <c:v>0.60676930100000004</c:v>
                </c:pt>
                <c:pt idx="57">
                  <c:v>0.60078138110000001</c:v>
                </c:pt>
                <c:pt idx="58">
                  <c:v>0.59397710120000002</c:v>
                </c:pt>
                <c:pt idx="59">
                  <c:v>0.58612042670000009</c:v>
                </c:pt>
                <c:pt idx="60">
                  <c:v>0.57778313010000004</c:v>
                </c:pt>
                <c:pt idx="61">
                  <c:v>0.56935811049999996</c:v>
                </c:pt>
                <c:pt idx="62">
                  <c:v>0.56103953719999999</c:v>
                </c:pt>
                <c:pt idx="63">
                  <c:v>0.55254065990000001</c:v>
                </c:pt>
                <c:pt idx="64">
                  <c:v>0.54371828580000003</c:v>
                </c:pt>
                <c:pt idx="65">
                  <c:v>0.53523493560000002</c:v>
                </c:pt>
                <c:pt idx="66">
                  <c:v>0.52654865379999993</c:v>
                </c:pt>
                <c:pt idx="67">
                  <c:v>0.51805438100000001</c:v>
                </c:pt>
                <c:pt idx="68">
                  <c:v>0.51065421109999998</c:v>
                </c:pt>
                <c:pt idx="69">
                  <c:v>0.50341970470000008</c:v>
                </c:pt>
                <c:pt idx="70">
                  <c:v>0.49734061210000002</c:v>
                </c:pt>
                <c:pt idx="71">
                  <c:v>0.49239011850000003</c:v>
                </c:pt>
                <c:pt idx="72">
                  <c:v>0.48809865870000002</c:v>
                </c:pt>
                <c:pt idx="73">
                  <c:v>0.48556295039999997</c:v>
                </c:pt>
                <c:pt idx="74">
                  <c:v>0.48410285270000003</c:v>
                </c:pt>
                <c:pt idx="75">
                  <c:v>0.48436675219999997</c:v>
                </c:pt>
                <c:pt idx="76">
                  <c:v>0.48577962819999998</c:v>
                </c:pt>
                <c:pt idx="77">
                  <c:v>0.4883417189</c:v>
                </c:pt>
                <c:pt idx="78">
                  <c:v>0.49234173449999996</c:v>
                </c:pt>
                <c:pt idx="79">
                  <c:v>0.49697179350000004</c:v>
                </c:pt>
                <c:pt idx="80">
                  <c:v>0.50205375259999996</c:v>
                </c:pt>
                <c:pt idx="81">
                  <c:v>0.50797199450000008</c:v>
                </c:pt>
                <c:pt idx="82">
                  <c:v>0.51420807089999998</c:v>
                </c:pt>
                <c:pt idx="83">
                  <c:v>0.52056739480000003</c:v>
                </c:pt>
                <c:pt idx="84">
                  <c:v>0.5269650146</c:v>
                </c:pt>
                <c:pt idx="85">
                  <c:v>0.53285861010000002</c:v>
                </c:pt>
                <c:pt idx="86">
                  <c:v>0.53825106470000006</c:v>
                </c:pt>
                <c:pt idx="87">
                  <c:v>0.54264316700000004</c:v>
                </c:pt>
                <c:pt idx="88">
                  <c:v>0.54550118749999998</c:v>
                </c:pt>
                <c:pt idx="89">
                  <c:v>0.54725602269999996</c:v>
                </c:pt>
                <c:pt idx="90">
                  <c:v>0.54722913360000003</c:v>
                </c:pt>
                <c:pt idx="91">
                  <c:v>0.5453915224</c:v>
                </c:pt>
                <c:pt idx="92">
                  <c:v>0.54225055869999994</c:v>
                </c:pt>
                <c:pt idx="93">
                  <c:v>0.53701975940000002</c:v>
                </c:pt>
                <c:pt idx="94">
                  <c:v>0.5301520824</c:v>
                </c:pt>
                <c:pt idx="95">
                  <c:v>0.52167972919999994</c:v>
                </c:pt>
                <c:pt idx="96">
                  <c:v>0.51187700030000005</c:v>
                </c:pt>
                <c:pt idx="97">
                  <c:v>0.50011451539999996</c:v>
                </c:pt>
                <c:pt idx="98">
                  <c:v>0.48828057950000003</c:v>
                </c:pt>
                <c:pt idx="99">
                  <c:v>0.47511464349999999</c:v>
                </c:pt>
                <c:pt idx="100">
                  <c:v>0.4605811984</c:v>
                </c:pt>
                <c:pt idx="101">
                  <c:v>0.44602242849999996</c:v>
                </c:pt>
                <c:pt idx="102">
                  <c:v>0.43040663010000002</c:v>
                </c:pt>
                <c:pt idx="103">
                  <c:v>0.41467231520000003</c:v>
                </c:pt>
                <c:pt idx="104">
                  <c:v>0.39887721840000001</c:v>
                </c:pt>
                <c:pt idx="105">
                  <c:v>0.38302694259999998</c:v>
                </c:pt>
                <c:pt idx="106">
                  <c:v>0.36725403369999998</c:v>
                </c:pt>
                <c:pt idx="107">
                  <c:v>0.35186049340000003</c:v>
                </c:pt>
                <c:pt idx="108">
                  <c:v>0.33685858550000003</c:v>
                </c:pt>
                <c:pt idx="109">
                  <c:v>0.3216220736</c:v>
                </c:pt>
                <c:pt idx="110">
                  <c:v>0.30708390480000003</c:v>
                </c:pt>
                <c:pt idx="111">
                  <c:v>0.29256397490000002</c:v>
                </c:pt>
                <c:pt idx="112">
                  <c:v>0.27815885839999999</c:v>
                </c:pt>
                <c:pt idx="113">
                  <c:v>0.26410511129999997</c:v>
                </c:pt>
                <c:pt idx="114">
                  <c:v>0.25009766219999996</c:v>
                </c:pt>
                <c:pt idx="115">
                  <c:v>0.23647354539999998</c:v>
                </c:pt>
                <c:pt idx="116">
                  <c:v>0.2226496637</c:v>
                </c:pt>
                <c:pt idx="117">
                  <c:v>0.20992110670000003</c:v>
                </c:pt>
                <c:pt idx="118">
                  <c:v>0.1976455003</c:v>
                </c:pt>
                <c:pt idx="119">
                  <c:v>0.18556490539999998</c:v>
                </c:pt>
                <c:pt idx="120">
                  <c:v>0.17380520700000002</c:v>
                </c:pt>
                <c:pt idx="121">
                  <c:v>0.16398541629999999</c:v>
                </c:pt>
                <c:pt idx="122">
                  <c:v>0.15475004920000002</c:v>
                </c:pt>
                <c:pt idx="123">
                  <c:v>0.14496590190000003</c:v>
                </c:pt>
                <c:pt idx="124">
                  <c:v>0.13835085930000002</c:v>
                </c:pt>
                <c:pt idx="125">
                  <c:v>0.1299924999</c:v>
                </c:pt>
                <c:pt idx="126">
                  <c:v>0.12194259469999999</c:v>
                </c:pt>
                <c:pt idx="127">
                  <c:v>0.11532868439999999</c:v>
                </c:pt>
                <c:pt idx="128">
                  <c:v>0.11161215600000002</c:v>
                </c:pt>
                <c:pt idx="129">
                  <c:v>0.10821755229999999</c:v>
                </c:pt>
                <c:pt idx="130">
                  <c:v>0.10420568289999999</c:v>
                </c:pt>
                <c:pt idx="131">
                  <c:v>0.10274302960000001</c:v>
                </c:pt>
                <c:pt idx="132">
                  <c:v>0.1018828899</c:v>
                </c:pt>
                <c:pt idx="133">
                  <c:v>9.978979830000001E-2</c:v>
                </c:pt>
                <c:pt idx="134">
                  <c:v>9.8412245499999995E-2</c:v>
                </c:pt>
                <c:pt idx="135">
                  <c:v>9.6324115900000007E-2</c:v>
                </c:pt>
                <c:pt idx="136">
                  <c:v>9.6464157100000003E-2</c:v>
                </c:pt>
                <c:pt idx="137">
                  <c:v>9.601759909999999E-2</c:v>
                </c:pt>
                <c:pt idx="138">
                  <c:v>9.7590118700000006E-2</c:v>
                </c:pt>
                <c:pt idx="139">
                  <c:v>9.5849841800000002E-2</c:v>
                </c:pt>
                <c:pt idx="140">
                  <c:v>9.5929265000000014E-2</c:v>
                </c:pt>
                <c:pt idx="141">
                  <c:v>9.4669222800000008E-2</c:v>
                </c:pt>
                <c:pt idx="142">
                  <c:v>9.5476686899999996E-2</c:v>
                </c:pt>
                <c:pt idx="143">
                  <c:v>9.6159160100000002E-2</c:v>
                </c:pt>
                <c:pt idx="144">
                  <c:v>9.5978811400000003E-2</c:v>
                </c:pt>
                <c:pt idx="145">
                  <c:v>9.7429186100000009E-2</c:v>
                </c:pt>
                <c:pt idx="146">
                  <c:v>9.8547443700000015E-2</c:v>
                </c:pt>
                <c:pt idx="147">
                  <c:v>9.8335281000000024E-2</c:v>
                </c:pt>
                <c:pt idx="148">
                  <c:v>9.8972290699999993E-2</c:v>
                </c:pt>
                <c:pt idx="149">
                  <c:v>9.9100127799999993E-2</c:v>
                </c:pt>
                <c:pt idx="150">
                  <c:v>9.9342227000000005E-2</c:v>
                </c:pt>
                <c:pt idx="151">
                  <c:v>9.9811464500000002E-2</c:v>
                </c:pt>
                <c:pt idx="152">
                  <c:v>0.10012927649999998</c:v>
                </c:pt>
                <c:pt idx="153">
                  <c:v>0.10117112100000003</c:v>
                </c:pt>
                <c:pt idx="154">
                  <c:v>0.1023119837</c:v>
                </c:pt>
                <c:pt idx="155">
                  <c:v>0.10423924030000001</c:v>
                </c:pt>
                <c:pt idx="156">
                  <c:v>0.10702888659999998</c:v>
                </c:pt>
                <c:pt idx="157">
                  <c:v>0.11033204199999999</c:v>
                </c:pt>
                <c:pt idx="158">
                  <c:v>0.11444622280000002</c:v>
                </c:pt>
                <c:pt idx="159">
                  <c:v>0.12046377359999999</c:v>
                </c:pt>
                <c:pt idx="160">
                  <c:v>0.12766216699999999</c:v>
                </c:pt>
                <c:pt idx="161">
                  <c:v>0.13508270680000004</c:v>
                </c:pt>
                <c:pt idx="162">
                  <c:v>0.14345479020000002</c:v>
                </c:pt>
                <c:pt idx="163">
                  <c:v>0.15106527510000001</c:v>
                </c:pt>
                <c:pt idx="164">
                  <c:v>0.15698669850000002</c:v>
                </c:pt>
                <c:pt idx="165">
                  <c:v>0.162472859</c:v>
                </c:pt>
                <c:pt idx="166">
                  <c:v>0.16660995780000001</c:v>
                </c:pt>
                <c:pt idx="167">
                  <c:v>0.17029426989999999</c:v>
                </c:pt>
                <c:pt idx="168">
                  <c:v>0.1749138385</c:v>
                </c:pt>
                <c:pt idx="169">
                  <c:v>0.18129260839999997</c:v>
                </c:pt>
                <c:pt idx="170">
                  <c:v>0.18995696310000001</c:v>
                </c:pt>
                <c:pt idx="171">
                  <c:v>0.20190224049999997</c:v>
                </c:pt>
                <c:pt idx="172">
                  <c:v>0.2128101587</c:v>
                </c:pt>
                <c:pt idx="173">
                  <c:v>0.22680886089999996</c:v>
                </c:pt>
                <c:pt idx="174">
                  <c:v>0.24228534099999999</c:v>
                </c:pt>
              </c:numCache>
            </c:numRef>
          </c:yVal>
          <c:smooth val="1"/>
          <c:extLst>
            <c:ext xmlns:c16="http://schemas.microsoft.com/office/drawing/2014/chart" uri="{C3380CC4-5D6E-409C-BE32-E72D297353CC}">
              <c16:uniqueId val="{0000000D-A415-4ECF-917B-4C54DA15B2EC}"/>
            </c:ext>
          </c:extLst>
        </c:ser>
        <c:ser>
          <c:idx val="14"/>
          <c:order val="14"/>
          <c:tx>
            <c:strRef>
              <c:f>'Part 3'!$K$43</c:f>
              <c:strCache>
                <c:ptCount val="1"/>
                <c:pt idx="0">
                  <c:v>Sample 15</c:v>
                </c:pt>
              </c:strCache>
            </c:strRef>
          </c:tx>
          <c:spPr>
            <a:ln w="19050" cap="rnd">
              <a:solidFill>
                <a:schemeClr val="accent3">
                  <a:lumMod val="80000"/>
                  <a:lumOff val="2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3:$GD$43</c:f>
              <c:numCache>
                <c:formatCode>General</c:formatCode>
                <c:ptCount val="175"/>
                <c:pt idx="0">
                  <c:v>1.5380986050000003E-2</c:v>
                </c:pt>
                <c:pt idx="1">
                  <c:v>1.6525305820000002E-2</c:v>
                </c:pt>
                <c:pt idx="2">
                  <c:v>1.7588354629999997E-2</c:v>
                </c:pt>
                <c:pt idx="3">
                  <c:v>1.9419394450000002E-2</c:v>
                </c:pt>
                <c:pt idx="4">
                  <c:v>2.1192133440000011E-2</c:v>
                </c:pt>
                <c:pt idx="5">
                  <c:v>2.3126631979999993E-2</c:v>
                </c:pt>
                <c:pt idx="6">
                  <c:v>2.5291830269999996E-2</c:v>
                </c:pt>
                <c:pt idx="7">
                  <c:v>2.7581855700000005E-2</c:v>
                </c:pt>
                <c:pt idx="8">
                  <c:v>3.0333682860000016E-2</c:v>
                </c:pt>
                <c:pt idx="9">
                  <c:v>3.3402085329999984E-2</c:v>
                </c:pt>
                <c:pt idx="10">
                  <c:v>3.6599501990000005E-2</c:v>
                </c:pt>
                <c:pt idx="11">
                  <c:v>4.0435925140000009E-2</c:v>
                </c:pt>
                <c:pt idx="12">
                  <c:v>4.4617891349999994E-2</c:v>
                </c:pt>
                <c:pt idx="13">
                  <c:v>4.8980459529999992E-2</c:v>
                </c:pt>
                <c:pt idx="14">
                  <c:v>5.4491326190000008E-2</c:v>
                </c:pt>
                <c:pt idx="15">
                  <c:v>6.0107775030000005E-2</c:v>
                </c:pt>
                <c:pt idx="16">
                  <c:v>6.6378146410000019E-2</c:v>
                </c:pt>
                <c:pt idx="17">
                  <c:v>7.335124912999999E-2</c:v>
                </c:pt>
                <c:pt idx="18">
                  <c:v>8.1434875709999993E-2</c:v>
                </c:pt>
                <c:pt idx="19">
                  <c:v>8.9994311299999991E-2</c:v>
                </c:pt>
                <c:pt idx="20">
                  <c:v>9.964521979999999E-2</c:v>
                </c:pt>
                <c:pt idx="21">
                  <c:v>0.11047059299999999</c:v>
                </c:pt>
                <c:pt idx="22">
                  <c:v>0.1227956861</c:v>
                </c:pt>
                <c:pt idx="23">
                  <c:v>0.13603673869999999</c:v>
                </c:pt>
                <c:pt idx="24">
                  <c:v>0.1510758847</c:v>
                </c:pt>
                <c:pt idx="25">
                  <c:v>0.16794379060000003</c:v>
                </c:pt>
                <c:pt idx="26">
                  <c:v>0.18674989040000001</c:v>
                </c:pt>
                <c:pt idx="27">
                  <c:v>0.20767433190000001</c:v>
                </c:pt>
                <c:pt idx="28">
                  <c:v>0.23120860010000002</c:v>
                </c:pt>
                <c:pt idx="29">
                  <c:v>0.25672855969999997</c:v>
                </c:pt>
                <c:pt idx="30">
                  <c:v>0.28420104089999998</c:v>
                </c:pt>
                <c:pt idx="31">
                  <c:v>0.31247564410000001</c:v>
                </c:pt>
                <c:pt idx="32">
                  <c:v>0.34117212149999998</c:v>
                </c:pt>
                <c:pt idx="33">
                  <c:v>0.36882328240000001</c:v>
                </c:pt>
                <c:pt idx="34">
                  <c:v>0.39432585990000002</c:v>
                </c:pt>
                <c:pt idx="35">
                  <c:v>0.41685611749999996</c:v>
                </c:pt>
                <c:pt idx="36">
                  <c:v>0.43588935580000004</c:v>
                </c:pt>
                <c:pt idx="37">
                  <c:v>0.45157834139999997</c:v>
                </c:pt>
                <c:pt idx="38">
                  <c:v>0.46480801699999996</c:v>
                </c:pt>
                <c:pt idx="39">
                  <c:v>0.47687611729999996</c:v>
                </c:pt>
                <c:pt idx="40">
                  <c:v>0.48758581280000002</c:v>
                </c:pt>
                <c:pt idx="41">
                  <c:v>0.49841222170000005</c:v>
                </c:pt>
                <c:pt idx="42">
                  <c:v>0.51015489540000003</c:v>
                </c:pt>
                <c:pt idx="43">
                  <c:v>0.52191076430000005</c:v>
                </c:pt>
                <c:pt idx="44">
                  <c:v>0.5346713513000001</c:v>
                </c:pt>
                <c:pt idx="45">
                  <c:v>0.54747458550000005</c:v>
                </c:pt>
                <c:pt idx="46">
                  <c:v>0.55949664860000003</c:v>
                </c:pt>
                <c:pt idx="47">
                  <c:v>0.57101894910000006</c:v>
                </c:pt>
                <c:pt idx="48">
                  <c:v>0.58099464320000005</c:v>
                </c:pt>
                <c:pt idx="49">
                  <c:v>0.58964110920000001</c:v>
                </c:pt>
                <c:pt idx="50">
                  <c:v>0.59661760190000002</c:v>
                </c:pt>
                <c:pt idx="51">
                  <c:v>0.6016669348</c:v>
                </c:pt>
                <c:pt idx="52">
                  <c:v>0.60467599329999999</c:v>
                </c:pt>
                <c:pt idx="53">
                  <c:v>0.60495650029999992</c:v>
                </c:pt>
                <c:pt idx="54">
                  <c:v>0.60370732100000002</c:v>
                </c:pt>
                <c:pt idx="55">
                  <c:v>0.60004387790000002</c:v>
                </c:pt>
                <c:pt idx="56">
                  <c:v>0.59527508169999999</c:v>
                </c:pt>
                <c:pt idx="57">
                  <c:v>0.58942872279999992</c:v>
                </c:pt>
                <c:pt idx="58">
                  <c:v>0.5836570338</c:v>
                </c:pt>
                <c:pt idx="59">
                  <c:v>0.57829636340000001</c:v>
                </c:pt>
                <c:pt idx="60">
                  <c:v>0.57297041270000004</c:v>
                </c:pt>
                <c:pt idx="61">
                  <c:v>0.56757855420000003</c:v>
                </c:pt>
                <c:pt idx="62">
                  <c:v>0.5620737374</c:v>
                </c:pt>
                <c:pt idx="63">
                  <c:v>0.55671697850000001</c:v>
                </c:pt>
                <c:pt idx="64">
                  <c:v>0.55064732579999998</c:v>
                </c:pt>
                <c:pt idx="65">
                  <c:v>0.5446887091</c:v>
                </c:pt>
                <c:pt idx="66">
                  <c:v>0.53857186429999993</c:v>
                </c:pt>
                <c:pt idx="67">
                  <c:v>0.53269924219999998</c:v>
                </c:pt>
                <c:pt idx="68">
                  <c:v>0.52728992699999999</c:v>
                </c:pt>
                <c:pt idx="69">
                  <c:v>0.52312148359999999</c:v>
                </c:pt>
                <c:pt idx="70">
                  <c:v>0.5193571374</c:v>
                </c:pt>
                <c:pt idx="71">
                  <c:v>0.51682724800000002</c:v>
                </c:pt>
                <c:pt idx="72">
                  <c:v>0.51614324010000001</c:v>
                </c:pt>
                <c:pt idx="73">
                  <c:v>0.51698812839999997</c:v>
                </c:pt>
                <c:pt idx="74">
                  <c:v>0.51900512730000004</c:v>
                </c:pt>
                <c:pt idx="75">
                  <c:v>0.52276877309999992</c:v>
                </c:pt>
                <c:pt idx="76">
                  <c:v>0.52693478760000001</c:v>
                </c:pt>
                <c:pt idx="77">
                  <c:v>0.53298500179999997</c:v>
                </c:pt>
                <c:pt idx="78">
                  <c:v>0.53979919109999996</c:v>
                </c:pt>
                <c:pt idx="79">
                  <c:v>0.54719395189999998</c:v>
                </c:pt>
                <c:pt idx="80">
                  <c:v>0.55493964259999995</c:v>
                </c:pt>
                <c:pt idx="81">
                  <c:v>0.56320982419999999</c:v>
                </c:pt>
                <c:pt idx="82">
                  <c:v>0.57152717559999999</c:v>
                </c:pt>
                <c:pt idx="83">
                  <c:v>0.57999763640000002</c:v>
                </c:pt>
                <c:pt idx="84">
                  <c:v>0.58825700729999997</c:v>
                </c:pt>
                <c:pt idx="85">
                  <c:v>0.59525936839999993</c:v>
                </c:pt>
                <c:pt idx="86">
                  <c:v>0.60153689230000007</c:v>
                </c:pt>
                <c:pt idx="87">
                  <c:v>0.60676989700000006</c:v>
                </c:pt>
                <c:pt idx="88">
                  <c:v>0.60995037860000001</c:v>
                </c:pt>
                <c:pt idx="89">
                  <c:v>0.61192199589999996</c:v>
                </c:pt>
                <c:pt idx="90">
                  <c:v>0.61095120759999999</c:v>
                </c:pt>
                <c:pt idx="91">
                  <c:v>0.60832115269999998</c:v>
                </c:pt>
                <c:pt idx="92">
                  <c:v>0.60393010079999998</c:v>
                </c:pt>
                <c:pt idx="93">
                  <c:v>0.59763202069999999</c:v>
                </c:pt>
                <c:pt idx="94">
                  <c:v>0.58939278130000006</c:v>
                </c:pt>
                <c:pt idx="95">
                  <c:v>0.58004710079999999</c:v>
                </c:pt>
                <c:pt idx="96">
                  <c:v>0.56797939539999998</c:v>
                </c:pt>
                <c:pt idx="97">
                  <c:v>0.554701522</c:v>
                </c:pt>
                <c:pt idx="98">
                  <c:v>0.54094158110000001</c:v>
                </c:pt>
                <c:pt idx="99">
                  <c:v>0.52588909859999999</c:v>
                </c:pt>
                <c:pt idx="100">
                  <c:v>0.50970394910000005</c:v>
                </c:pt>
                <c:pt idx="101">
                  <c:v>0.49345973879999994</c:v>
                </c:pt>
                <c:pt idx="102">
                  <c:v>0.47624784710000001</c:v>
                </c:pt>
                <c:pt idx="103">
                  <c:v>0.4586170316</c:v>
                </c:pt>
                <c:pt idx="104">
                  <c:v>0.44031830130000005</c:v>
                </c:pt>
                <c:pt idx="105">
                  <c:v>0.4229155034</c:v>
                </c:pt>
                <c:pt idx="106">
                  <c:v>0.40581958000000001</c:v>
                </c:pt>
                <c:pt idx="107">
                  <c:v>0.3887138664</c:v>
                </c:pt>
                <c:pt idx="108">
                  <c:v>0.37247459589999998</c:v>
                </c:pt>
                <c:pt idx="109">
                  <c:v>0.35633283850000003</c:v>
                </c:pt>
                <c:pt idx="110">
                  <c:v>0.34048166869999996</c:v>
                </c:pt>
                <c:pt idx="111">
                  <c:v>0.32517310980000003</c:v>
                </c:pt>
                <c:pt idx="112">
                  <c:v>0.31005559859999998</c:v>
                </c:pt>
                <c:pt idx="113">
                  <c:v>0.2943787873</c:v>
                </c:pt>
                <c:pt idx="114">
                  <c:v>0.27933177350000005</c:v>
                </c:pt>
                <c:pt idx="115">
                  <c:v>0.26463423660000002</c:v>
                </c:pt>
                <c:pt idx="116">
                  <c:v>0.25079113240000001</c:v>
                </c:pt>
                <c:pt idx="117">
                  <c:v>0.23685552180000002</c:v>
                </c:pt>
                <c:pt idx="118">
                  <c:v>0.22393615550000001</c:v>
                </c:pt>
                <c:pt idx="119">
                  <c:v>0.21156769989999996</c:v>
                </c:pt>
                <c:pt idx="120">
                  <c:v>0.19872587920000001</c:v>
                </c:pt>
                <c:pt idx="121">
                  <c:v>0.18808282909999999</c:v>
                </c:pt>
                <c:pt idx="122">
                  <c:v>0.17746540910000003</c:v>
                </c:pt>
                <c:pt idx="123">
                  <c:v>0.16705806550000002</c:v>
                </c:pt>
                <c:pt idx="124">
                  <c:v>0.15835566820000002</c:v>
                </c:pt>
                <c:pt idx="125">
                  <c:v>0.15022216729999999</c:v>
                </c:pt>
                <c:pt idx="126">
                  <c:v>0.1414415091</c:v>
                </c:pt>
                <c:pt idx="127">
                  <c:v>0.13370577989999999</c:v>
                </c:pt>
                <c:pt idx="128">
                  <c:v>0.12884046140000002</c:v>
                </c:pt>
                <c:pt idx="129">
                  <c:v>0.12265874449999997</c:v>
                </c:pt>
                <c:pt idx="130">
                  <c:v>0.11875736709999998</c:v>
                </c:pt>
                <c:pt idx="131">
                  <c:v>0.11603863539999998</c:v>
                </c:pt>
                <c:pt idx="132">
                  <c:v>0.11417257779999998</c:v>
                </c:pt>
                <c:pt idx="133">
                  <c:v>0.11119431259999998</c:v>
                </c:pt>
                <c:pt idx="134">
                  <c:v>0.10969428719999999</c:v>
                </c:pt>
                <c:pt idx="135">
                  <c:v>0.1076231151</c:v>
                </c:pt>
                <c:pt idx="136">
                  <c:v>0.10702356700000001</c:v>
                </c:pt>
                <c:pt idx="137">
                  <c:v>0.10634477440000001</c:v>
                </c:pt>
                <c:pt idx="138">
                  <c:v>0.10771483190000003</c:v>
                </c:pt>
                <c:pt idx="139">
                  <c:v>0.1057175249</c:v>
                </c:pt>
                <c:pt idx="140">
                  <c:v>0.10556755960000003</c:v>
                </c:pt>
                <c:pt idx="141">
                  <c:v>0.10407818850000003</c:v>
                </c:pt>
                <c:pt idx="142">
                  <c:v>0.1041551828</c:v>
                </c:pt>
                <c:pt idx="143">
                  <c:v>0.10479003189999997</c:v>
                </c:pt>
                <c:pt idx="144">
                  <c:v>0.1047491133</c:v>
                </c:pt>
                <c:pt idx="145">
                  <c:v>0.1049619913</c:v>
                </c:pt>
                <c:pt idx="146">
                  <c:v>0.10643853250000002</c:v>
                </c:pt>
                <c:pt idx="147">
                  <c:v>0.10682962840000002</c:v>
                </c:pt>
                <c:pt idx="148">
                  <c:v>0.1069596112</c:v>
                </c:pt>
                <c:pt idx="149">
                  <c:v>0.10775823890000003</c:v>
                </c:pt>
                <c:pt idx="150">
                  <c:v>0.10819372529999999</c:v>
                </c:pt>
                <c:pt idx="151">
                  <c:v>0.10886466500000003</c:v>
                </c:pt>
                <c:pt idx="152">
                  <c:v>0.10900887850000002</c:v>
                </c:pt>
                <c:pt idx="153">
                  <c:v>0.11070339379999999</c:v>
                </c:pt>
                <c:pt idx="154">
                  <c:v>0.11203061050000002</c:v>
                </c:pt>
                <c:pt idx="155">
                  <c:v>0.11450456080000002</c:v>
                </c:pt>
                <c:pt idx="156">
                  <c:v>0.11755268270000002</c:v>
                </c:pt>
                <c:pt idx="157">
                  <c:v>0.12165346740000002</c:v>
                </c:pt>
                <c:pt idx="158">
                  <c:v>0.12669458990000002</c:v>
                </c:pt>
                <c:pt idx="159">
                  <c:v>0.13361372059999999</c:v>
                </c:pt>
                <c:pt idx="160">
                  <c:v>0.14072360100000003</c:v>
                </c:pt>
                <c:pt idx="161">
                  <c:v>0.14816965160000004</c:v>
                </c:pt>
                <c:pt idx="162">
                  <c:v>0.15619704130000001</c:v>
                </c:pt>
                <c:pt idx="163">
                  <c:v>0.16343788800000003</c:v>
                </c:pt>
                <c:pt idx="164">
                  <c:v>0.16990371049999997</c:v>
                </c:pt>
                <c:pt idx="165">
                  <c:v>0.17500515279999998</c:v>
                </c:pt>
                <c:pt idx="166">
                  <c:v>0.18013153969999998</c:v>
                </c:pt>
                <c:pt idx="167">
                  <c:v>0.18492753799999997</c:v>
                </c:pt>
                <c:pt idx="168">
                  <c:v>0.19195179640000001</c:v>
                </c:pt>
                <c:pt idx="169">
                  <c:v>0.20066021390000002</c:v>
                </c:pt>
                <c:pt idx="170">
                  <c:v>0.2121272981</c:v>
                </c:pt>
                <c:pt idx="171">
                  <c:v>0.22647696739999998</c:v>
                </c:pt>
                <c:pt idx="172">
                  <c:v>0.24156630040000002</c:v>
                </c:pt>
                <c:pt idx="173">
                  <c:v>0.25853155550000001</c:v>
                </c:pt>
                <c:pt idx="174">
                  <c:v>0.27755090589999998</c:v>
                </c:pt>
              </c:numCache>
            </c:numRef>
          </c:yVal>
          <c:smooth val="1"/>
          <c:extLst>
            <c:ext xmlns:c16="http://schemas.microsoft.com/office/drawing/2014/chart" uri="{C3380CC4-5D6E-409C-BE32-E72D297353CC}">
              <c16:uniqueId val="{0000000E-A415-4ECF-917B-4C54DA15B2EC}"/>
            </c:ext>
          </c:extLst>
        </c:ser>
        <c:ser>
          <c:idx val="15"/>
          <c:order val="15"/>
          <c:tx>
            <c:strRef>
              <c:f>'Part 3'!$K$44</c:f>
              <c:strCache>
                <c:ptCount val="1"/>
                <c:pt idx="0">
                  <c:v>Sample 16</c:v>
                </c:pt>
              </c:strCache>
            </c:strRef>
          </c:tx>
          <c:spPr>
            <a:ln w="19050" cap="rnd">
              <a:solidFill>
                <a:schemeClr val="accent4">
                  <a:lumMod val="80000"/>
                  <a:lumOff val="2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4:$GD$44</c:f>
              <c:numCache>
                <c:formatCode>General</c:formatCode>
                <c:ptCount val="175"/>
                <c:pt idx="0">
                  <c:v>1.4713980250000008E-2</c:v>
                </c:pt>
                <c:pt idx="1">
                  <c:v>1.5930585519999999E-2</c:v>
                </c:pt>
                <c:pt idx="2">
                  <c:v>1.7092488729999994E-2</c:v>
                </c:pt>
                <c:pt idx="3">
                  <c:v>1.8666826149999996E-2</c:v>
                </c:pt>
                <c:pt idx="4">
                  <c:v>2.0251072940000003E-2</c:v>
                </c:pt>
                <c:pt idx="5">
                  <c:v>2.2188916779999998E-2</c:v>
                </c:pt>
                <c:pt idx="6">
                  <c:v>2.4250380670000002E-2</c:v>
                </c:pt>
                <c:pt idx="7">
                  <c:v>2.6642724900000012E-2</c:v>
                </c:pt>
                <c:pt idx="8">
                  <c:v>2.9495522359999998E-2</c:v>
                </c:pt>
                <c:pt idx="9">
                  <c:v>3.2591491930000008E-2</c:v>
                </c:pt>
                <c:pt idx="10">
                  <c:v>3.5789608989999999E-2</c:v>
                </c:pt>
                <c:pt idx="11">
                  <c:v>3.9338782440000011E-2</c:v>
                </c:pt>
                <c:pt idx="12">
                  <c:v>4.3622508650000003E-2</c:v>
                </c:pt>
                <c:pt idx="13">
                  <c:v>4.8274964129999987E-2</c:v>
                </c:pt>
                <c:pt idx="14">
                  <c:v>5.3929820690000005E-2</c:v>
                </c:pt>
                <c:pt idx="15">
                  <c:v>5.9685699630000005E-2</c:v>
                </c:pt>
                <c:pt idx="16">
                  <c:v>6.6282555509999994E-2</c:v>
                </c:pt>
                <c:pt idx="17">
                  <c:v>7.3719963430000007E-2</c:v>
                </c:pt>
                <c:pt idx="18">
                  <c:v>8.2044631209999996E-2</c:v>
                </c:pt>
                <c:pt idx="19">
                  <c:v>9.1253548800000001E-2</c:v>
                </c:pt>
                <c:pt idx="20">
                  <c:v>0.10183947539999999</c:v>
                </c:pt>
                <c:pt idx="21">
                  <c:v>0.11350442470000001</c:v>
                </c:pt>
                <c:pt idx="22">
                  <c:v>0.12746362389999999</c:v>
                </c:pt>
                <c:pt idx="23">
                  <c:v>0.1423284709</c:v>
                </c:pt>
                <c:pt idx="24">
                  <c:v>0.15956617889999997</c:v>
                </c:pt>
                <c:pt idx="25">
                  <c:v>0.17962472140000002</c:v>
                </c:pt>
                <c:pt idx="26">
                  <c:v>0.2020138353</c:v>
                </c:pt>
                <c:pt idx="27">
                  <c:v>0.22775203729999999</c:v>
                </c:pt>
                <c:pt idx="28">
                  <c:v>0.25661218910000005</c:v>
                </c:pt>
                <c:pt idx="29">
                  <c:v>0.28956261280000001</c:v>
                </c:pt>
                <c:pt idx="30">
                  <c:v>0.32598574460000002</c:v>
                </c:pt>
                <c:pt idx="31">
                  <c:v>0.3647656366</c:v>
                </c:pt>
                <c:pt idx="32">
                  <c:v>0.40559630839999999</c:v>
                </c:pt>
                <c:pt idx="33">
                  <c:v>0.44709604230000005</c:v>
                </c:pt>
                <c:pt idx="34">
                  <c:v>0.48744378239999997</c:v>
                </c:pt>
                <c:pt idx="35">
                  <c:v>0.52489484099999995</c:v>
                </c:pt>
                <c:pt idx="36">
                  <c:v>0.5581769272999999</c:v>
                </c:pt>
                <c:pt idx="37">
                  <c:v>0.58676721899999995</c:v>
                </c:pt>
                <c:pt idx="38">
                  <c:v>0.61072620740000005</c:v>
                </c:pt>
                <c:pt idx="39">
                  <c:v>0.63094142830000011</c:v>
                </c:pt>
                <c:pt idx="40">
                  <c:v>0.64790216079999996</c:v>
                </c:pt>
                <c:pt idx="41">
                  <c:v>0.66315039999999992</c:v>
                </c:pt>
                <c:pt idx="42">
                  <c:v>0.67847304790000007</c:v>
                </c:pt>
                <c:pt idx="43">
                  <c:v>0.69390688089999997</c:v>
                </c:pt>
                <c:pt idx="44">
                  <c:v>0.71048931780000002</c:v>
                </c:pt>
                <c:pt idx="45">
                  <c:v>0.72747495030000009</c:v>
                </c:pt>
                <c:pt idx="46">
                  <c:v>0.74440652880000002</c:v>
                </c:pt>
                <c:pt idx="47">
                  <c:v>0.76111103590000007</c:v>
                </c:pt>
                <c:pt idx="48">
                  <c:v>0.77570418270000008</c:v>
                </c:pt>
                <c:pt idx="49">
                  <c:v>0.78885628289999998</c:v>
                </c:pt>
                <c:pt idx="50">
                  <c:v>0.79912760110000003</c:v>
                </c:pt>
                <c:pt idx="51">
                  <c:v>0.80750859529999997</c:v>
                </c:pt>
                <c:pt idx="52">
                  <c:v>0.8119875043</c:v>
                </c:pt>
                <c:pt idx="53">
                  <c:v>0.81357090919999997</c:v>
                </c:pt>
                <c:pt idx="54">
                  <c:v>0.81201923639999996</c:v>
                </c:pt>
                <c:pt idx="55">
                  <c:v>0.8070421069</c:v>
                </c:pt>
                <c:pt idx="56">
                  <c:v>0.79951594020000005</c:v>
                </c:pt>
                <c:pt idx="57">
                  <c:v>0.78997898099999997</c:v>
                </c:pt>
                <c:pt idx="58">
                  <c:v>0.77909690890000005</c:v>
                </c:pt>
                <c:pt idx="59">
                  <c:v>0.7674594522</c:v>
                </c:pt>
                <c:pt idx="60">
                  <c:v>0.75559999789999999</c:v>
                </c:pt>
                <c:pt idx="61">
                  <c:v>0.74358302360000006</c:v>
                </c:pt>
                <c:pt idx="62">
                  <c:v>0.73106095189999998</c:v>
                </c:pt>
                <c:pt idx="63">
                  <c:v>0.71783745290000001</c:v>
                </c:pt>
                <c:pt idx="64">
                  <c:v>0.70347816490000004</c:v>
                </c:pt>
                <c:pt idx="65">
                  <c:v>0.68832565099999998</c:v>
                </c:pt>
                <c:pt idx="66">
                  <c:v>0.67185667149999995</c:v>
                </c:pt>
                <c:pt idx="67">
                  <c:v>0.65497256810000004</c:v>
                </c:pt>
                <c:pt idx="68">
                  <c:v>0.63851833349999998</c:v>
                </c:pt>
                <c:pt idx="69">
                  <c:v>0.62147838620000007</c:v>
                </c:pt>
                <c:pt idx="70">
                  <c:v>0.60550021379999996</c:v>
                </c:pt>
                <c:pt idx="71">
                  <c:v>0.59007825700000005</c:v>
                </c:pt>
                <c:pt idx="72">
                  <c:v>0.57561371480000001</c:v>
                </c:pt>
                <c:pt idx="73">
                  <c:v>0.56226226690000003</c:v>
                </c:pt>
                <c:pt idx="74">
                  <c:v>0.54990226780000007</c:v>
                </c:pt>
                <c:pt idx="75">
                  <c:v>0.53881279379999991</c:v>
                </c:pt>
                <c:pt idx="76">
                  <c:v>0.52850662169999996</c:v>
                </c:pt>
                <c:pt idx="77">
                  <c:v>0.5194869339</c:v>
                </c:pt>
                <c:pt idx="78">
                  <c:v>0.51099286229999996</c:v>
                </c:pt>
                <c:pt idx="79">
                  <c:v>0.50328827649999996</c:v>
                </c:pt>
                <c:pt idx="80">
                  <c:v>0.49622620649999999</c:v>
                </c:pt>
                <c:pt idx="81">
                  <c:v>0.48972629750000002</c:v>
                </c:pt>
                <c:pt idx="82">
                  <c:v>0.48392605040000003</c:v>
                </c:pt>
                <c:pt idx="83">
                  <c:v>0.47837416089999996</c:v>
                </c:pt>
                <c:pt idx="84">
                  <c:v>0.47350632399999998</c:v>
                </c:pt>
                <c:pt idx="85">
                  <c:v>0.46846693750000001</c:v>
                </c:pt>
                <c:pt idx="86">
                  <c:v>0.46354111279999993</c:v>
                </c:pt>
                <c:pt idx="87">
                  <c:v>0.45881441980000004</c:v>
                </c:pt>
                <c:pt idx="88">
                  <c:v>0.45318485800000002</c:v>
                </c:pt>
                <c:pt idx="89">
                  <c:v>0.44750705359999998</c:v>
                </c:pt>
                <c:pt idx="90">
                  <c:v>0.44088967889999997</c:v>
                </c:pt>
                <c:pt idx="91">
                  <c:v>0.4336711392</c:v>
                </c:pt>
                <c:pt idx="92">
                  <c:v>0.4258297533</c:v>
                </c:pt>
                <c:pt idx="93">
                  <c:v>0.41708382960000001</c:v>
                </c:pt>
                <c:pt idx="94">
                  <c:v>0.40790712829999998</c:v>
                </c:pt>
                <c:pt idx="95">
                  <c:v>0.39820304510000004</c:v>
                </c:pt>
                <c:pt idx="96">
                  <c:v>0.38752794270000002</c:v>
                </c:pt>
                <c:pt idx="97">
                  <c:v>0.37601397930000002</c:v>
                </c:pt>
                <c:pt idx="98">
                  <c:v>0.3652465493</c:v>
                </c:pt>
                <c:pt idx="99">
                  <c:v>0.35355013609999997</c:v>
                </c:pt>
                <c:pt idx="100">
                  <c:v>0.34135545789999999</c:v>
                </c:pt>
                <c:pt idx="101">
                  <c:v>0.32916504889999998</c:v>
                </c:pt>
                <c:pt idx="102">
                  <c:v>0.31711676720000004</c:v>
                </c:pt>
                <c:pt idx="103">
                  <c:v>0.30461299419999999</c:v>
                </c:pt>
                <c:pt idx="104">
                  <c:v>0.2925565094</c:v>
                </c:pt>
                <c:pt idx="105">
                  <c:v>0.28044302760000001</c:v>
                </c:pt>
                <c:pt idx="106">
                  <c:v>0.26873834429999999</c:v>
                </c:pt>
                <c:pt idx="107">
                  <c:v>0.25699290629999999</c:v>
                </c:pt>
                <c:pt idx="108">
                  <c:v>0.24597950280000003</c:v>
                </c:pt>
                <c:pt idx="109">
                  <c:v>0.23527464269999998</c:v>
                </c:pt>
                <c:pt idx="110">
                  <c:v>0.2246786654</c:v>
                </c:pt>
                <c:pt idx="111">
                  <c:v>0.21427306540000002</c:v>
                </c:pt>
                <c:pt idx="112">
                  <c:v>0.20422740279999999</c:v>
                </c:pt>
                <c:pt idx="113">
                  <c:v>0.19473710649999998</c:v>
                </c:pt>
                <c:pt idx="114">
                  <c:v>0.18507322670000001</c:v>
                </c:pt>
                <c:pt idx="115">
                  <c:v>0.17580376559999999</c:v>
                </c:pt>
                <c:pt idx="116">
                  <c:v>0.16678726669999999</c:v>
                </c:pt>
                <c:pt idx="117">
                  <c:v>0.15855981410000003</c:v>
                </c:pt>
                <c:pt idx="118">
                  <c:v>0.15045262879999999</c:v>
                </c:pt>
                <c:pt idx="119">
                  <c:v>0.14294719699999997</c:v>
                </c:pt>
                <c:pt idx="120">
                  <c:v>0.13534930350000002</c:v>
                </c:pt>
                <c:pt idx="121">
                  <c:v>0.12952156360000003</c:v>
                </c:pt>
                <c:pt idx="122">
                  <c:v>0.12404897809999998</c:v>
                </c:pt>
                <c:pt idx="123">
                  <c:v>0.11832924179999998</c:v>
                </c:pt>
                <c:pt idx="124">
                  <c:v>0.113791585</c:v>
                </c:pt>
                <c:pt idx="125">
                  <c:v>0.11040560899999999</c:v>
                </c:pt>
                <c:pt idx="126">
                  <c:v>0.1065671295</c:v>
                </c:pt>
                <c:pt idx="127">
                  <c:v>0.10404612120000001</c:v>
                </c:pt>
                <c:pt idx="128">
                  <c:v>0.10188288990000002</c:v>
                </c:pt>
                <c:pt idx="129">
                  <c:v>0.10239255429999999</c:v>
                </c:pt>
                <c:pt idx="130">
                  <c:v>0.10308682920000001</c:v>
                </c:pt>
                <c:pt idx="131">
                  <c:v>0.1033905745</c:v>
                </c:pt>
                <c:pt idx="132">
                  <c:v>0.1051175147</c:v>
                </c:pt>
                <c:pt idx="133">
                  <c:v>0.10679168999999999</c:v>
                </c:pt>
                <c:pt idx="134">
                  <c:v>0.1081764251</c:v>
                </c:pt>
                <c:pt idx="135">
                  <c:v>0.1090896576</c:v>
                </c:pt>
                <c:pt idx="136">
                  <c:v>0.11121797560000002</c:v>
                </c:pt>
                <c:pt idx="137">
                  <c:v>0.11262725299999998</c:v>
                </c:pt>
                <c:pt idx="138">
                  <c:v>0.11549168830000001</c:v>
                </c:pt>
                <c:pt idx="139">
                  <c:v>0.11496318870000002</c:v>
                </c:pt>
                <c:pt idx="140">
                  <c:v>0.11695910990000002</c:v>
                </c:pt>
                <c:pt idx="141">
                  <c:v>0.11596547060000004</c:v>
                </c:pt>
                <c:pt idx="142">
                  <c:v>0.1164970994</c:v>
                </c:pt>
                <c:pt idx="143">
                  <c:v>0.11498290299999997</c:v>
                </c:pt>
                <c:pt idx="144">
                  <c:v>0.11499652260000001</c:v>
                </c:pt>
                <c:pt idx="145">
                  <c:v>0.1159801781</c:v>
                </c:pt>
                <c:pt idx="146">
                  <c:v>0.1147172004</c:v>
                </c:pt>
                <c:pt idx="147">
                  <c:v>0.1131170839</c:v>
                </c:pt>
                <c:pt idx="148">
                  <c:v>0.11327433579999999</c:v>
                </c:pt>
                <c:pt idx="149">
                  <c:v>0.11241872600000002</c:v>
                </c:pt>
                <c:pt idx="150">
                  <c:v>0.11087995769999998</c:v>
                </c:pt>
                <c:pt idx="151">
                  <c:v>0.11013209820000003</c:v>
                </c:pt>
                <c:pt idx="152">
                  <c:v>0.1092389822</c:v>
                </c:pt>
                <c:pt idx="153">
                  <c:v>0.10933728520000002</c:v>
                </c:pt>
                <c:pt idx="154">
                  <c:v>0.1102624089</c:v>
                </c:pt>
                <c:pt idx="155">
                  <c:v>0.11224462090000001</c:v>
                </c:pt>
                <c:pt idx="156">
                  <c:v>0.1147744208</c:v>
                </c:pt>
                <c:pt idx="157">
                  <c:v>0.11878466610000002</c:v>
                </c:pt>
                <c:pt idx="158">
                  <c:v>0.12399929759999997</c:v>
                </c:pt>
                <c:pt idx="159">
                  <c:v>0.13224147259999997</c:v>
                </c:pt>
                <c:pt idx="160">
                  <c:v>0.14223112170000002</c:v>
                </c:pt>
                <c:pt idx="161">
                  <c:v>0.15344892439999999</c:v>
                </c:pt>
                <c:pt idx="162">
                  <c:v>0.16509369019999998</c:v>
                </c:pt>
                <c:pt idx="163">
                  <c:v>0.17606140669999998</c:v>
                </c:pt>
                <c:pt idx="164">
                  <c:v>0.18527407950000002</c:v>
                </c:pt>
                <c:pt idx="165">
                  <c:v>0.19200520220000003</c:v>
                </c:pt>
                <c:pt idx="166">
                  <c:v>0.19725947079999998</c:v>
                </c:pt>
                <c:pt idx="167">
                  <c:v>0.2011337429</c:v>
                </c:pt>
                <c:pt idx="168">
                  <c:v>0.20534144340000002</c:v>
                </c:pt>
                <c:pt idx="169">
                  <c:v>0.21153129639999999</c:v>
                </c:pt>
                <c:pt idx="170">
                  <c:v>0.21870115399999998</c:v>
                </c:pt>
                <c:pt idx="171">
                  <c:v>0.2291721702</c:v>
                </c:pt>
                <c:pt idx="172">
                  <c:v>0.23880076409999998</c:v>
                </c:pt>
                <c:pt idx="173">
                  <c:v>0.25153739749999998</c:v>
                </c:pt>
                <c:pt idx="174">
                  <c:v>0.26642239089999997</c:v>
                </c:pt>
              </c:numCache>
            </c:numRef>
          </c:yVal>
          <c:smooth val="1"/>
          <c:extLst>
            <c:ext xmlns:c16="http://schemas.microsoft.com/office/drawing/2014/chart" uri="{C3380CC4-5D6E-409C-BE32-E72D297353CC}">
              <c16:uniqueId val="{0000000F-A415-4ECF-917B-4C54DA15B2EC}"/>
            </c:ext>
          </c:extLst>
        </c:ser>
        <c:ser>
          <c:idx val="16"/>
          <c:order val="16"/>
          <c:tx>
            <c:strRef>
              <c:f>'Part 3'!$K$45</c:f>
              <c:strCache>
                <c:ptCount val="1"/>
                <c:pt idx="0">
                  <c:v>Sample 17</c:v>
                </c:pt>
              </c:strCache>
            </c:strRef>
          </c:tx>
          <c:spPr>
            <a:ln w="19050" cap="rnd">
              <a:solidFill>
                <a:schemeClr val="accent5">
                  <a:lumMod val="80000"/>
                  <a:lumOff val="2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5:$GD$45</c:f>
              <c:numCache>
                <c:formatCode>General</c:formatCode>
                <c:ptCount val="175"/>
                <c:pt idx="0">
                  <c:v>5.0519779500000084E-3</c:v>
                </c:pt>
                <c:pt idx="1">
                  <c:v>5.6437254199999953E-3</c:v>
                </c:pt>
                <c:pt idx="2">
                  <c:v>5.8237239299999966E-3</c:v>
                </c:pt>
                <c:pt idx="3">
                  <c:v>6.0939043499999984E-3</c:v>
                </c:pt>
                <c:pt idx="4">
                  <c:v>6.9569125400000126E-3</c:v>
                </c:pt>
                <c:pt idx="5">
                  <c:v>7.4037015799999911E-3</c:v>
                </c:pt>
                <c:pt idx="6">
                  <c:v>7.9588368699999995E-3</c:v>
                </c:pt>
                <c:pt idx="7">
                  <c:v>9.2016235000000057E-3</c:v>
                </c:pt>
                <c:pt idx="8">
                  <c:v>9.8866522600000034E-3</c:v>
                </c:pt>
                <c:pt idx="9">
                  <c:v>1.0871239029999993E-2</c:v>
                </c:pt>
                <c:pt idx="10">
                  <c:v>1.2154139590000002E-2</c:v>
                </c:pt>
                <c:pt idx="11">
                  <c:v>1.3348691140000007E-2</c:v>
                </c:pt>
                <c:pt idx="12">
                  <c:v>1.4767862850000008E-2</c:v>
                </c:pt>
                <c:pt idx="13">
                  <c:v>1.651162652999999E-2</c:v>
                </c:pt>
                <c:pt idx="14">
                  <c:v>1.821538059000001E-2</c:v>
                </c:pt>
                <c:pt idx="15">
                  <c:v>2.0417749829999998E-2</c:v>
                </c:pt>
                <c:pt idx="16">
                  <c:v>2.3271106210000003E-2</c:v>
                </c:pt>
                <c:pt idx="17">
                  <c:v>2.6365771930000004E-2</c:v>
                </c:pt>
                <c:pt idx="18">
                  <c:v>2.9815286410000003E-2</c:v>
                </c:pt>
                <c:pt idx="19">
                  <c:v>3.35984379E-2</c:v>
                </c:pt>
                <c:pt idx="20">
                  <c:v>3.8259737200000005E-2</c:v>
                </c:pt>
                <c:pt idx="21">
                  <c:v>4.3765530000000011E-2</c:v>
                </c:pt>
                <c:pt idx="22">
                  <c:v>5.0244390999999999E-2</c:v>
                </c:pt>
                <c:pt idx="23">
                  <c:v>5.7709515099999997E-2</c:v>
                </c:pt>
                <c:pt idx="24">
                  <c:v>6.6207975199999991E-2</c:v>
                </c:pt>
                <c:pt idx="25">
                  <c:v>7.6093077700000011E-2</c:v>
                </c:pt>
                <c:pt idx="26">
                  <c:v>8.7265312599999992E-2</c:v>
                </c:pt>
                <c:pt idx="27">
                  <c:v>0.10017084329999999</c:v>
                </c:pt>
                <c:pt idx="28">
                  <c:v>0.11537160730000001</c:v>
                </c:pt>
                <c:pt idx="29">
                  <c:v>0.13231606779999999</c:v>
                </c:pt>
                <c:pt idx="30">
                  <c:v>0.15098713339999997</c:v>
                </c:pt>
                <c:pt idx="31">
                  <c:v>0.17120634770000004</c:v>
                </c:pt>
                <c:pt idx="32">
                  <c:v>0.192297779</c:v>
                </c:pt>
                <c:pt idx="33">
                  <c:v>0.21357210730000004</c:v>
                </c:pt>
                <c:pt idx="34">
                  <c:v>0.23464725169999998</c:v>
                </c:pt>
                <c:pt idx="35">
                  <c:v>0.25400198249999995</c:v>
                </c:pt>
                <c:pt idx="36">
                  <c:v>0.27105348559999998</c:v>
                </c:pt>
                <c:pt idx="37">
                  <c:v>0.2864299938</c:v>
                </c:pt>
                <c:pt idx="38">
                  <c:v>0.29914480440000002</c:v>
                </c:pt>
                <c:pt idx="39">
                  <c:v>0.31044451150000002</c:v>
                </c:pt>
                <c:pt idx="40">
                  <c:v>0.32003971930000003</c:v>
                </c:pt>
                <c:pt idx="41">
                  <c:v>0.32887551189999997</c:v>
                </c:pt>
                <c:pt idx="42">
                  <c:v>0.33806922279999996</c:v>
                </c:pt>
                <c:pt idx="43">
                  <c:v>0.34759665280000002</c:v>
                </c:pt>
                <c:pt idx="44">
                  <c:v>0.3574792295</c:v>
                </c:pt>
                <c:pt idx="45">
                  <c:v>0.3678019569</c:v>
                </c:pt>
                <c:pt idx="46">
                  <c:v>0.37815923239999999</c:v>
                </c:pt>
                <c:pt idx="47">
                  <c:v>0.38818050920000002</c:v>
                </c:pt>
                <c:pt idx="48">
                  <c:v>0.39810363200000004</c:v>
                </c:pt>
                <c:pt idx="49">
                  <c:v>0.40682126590000001</c:v>
                </c:pt>
                <c:pt idx="50">
                  <c:v>0.41423776009999996</c:v>
                </c:pt>
                <c:pt idx="51">
                  <c:v>0.4207715467</c:v>
                </c:pt>
                <c:pt idx="52">
                  <c:v>0.42567120489999999</c:v>
                </c:pt>
                <c:pt idx="53">
                  <c:v>0.42905025929999996</c:v>
                </c:pt>
                <c:pt idx="54">
                  <c:v>0.4314997867</c:v>
                </c:pt>
                <c:pt idx="55">
                  <c:v>0.43183360990000008</c:v>
                </c:pt>
                <c:pt idx="56">
                  <c:v>0.43139544870000002</c:v>
                </c:pt>
                <c:pt idx="57">
                  <c:v>0.43055641649999998</c:v>
                </c:pt>
                <c:pt idx="58">
                  <c:v>0.42914611850000006</c:v>
                </c:pt>
                <c:pt idx="59">
                  <c:v>0.4277516603</c:v>
                </c:pt>
                <c:pt idx="60">
                  <c:v>0.42675586789999997</c:v>
                </c:pt>
                <c:pt idx="61">
                  <c:v>0.42568731309999996</c:v>
                </c:pt>
                <c:pt idx="62">
                  <c:v>0.42516699429999999</c:v>
                </c:pt>
                <c:pt idx="63">
                  <c:v>0.42517751449999996</c:v>
                </c:pt>
                <c:pt idx="64">
                  <c:v>0.42506880309999995</c:v>
                </c:pt>
                <c:pt idx="65">
                  <c:v>0.42559970169999994</c:v>
                </c:pt>
                <c:pt idx="66">
                  <c:v>0.42678210129999994</c:v>
                </c:pt>
                <c:pt idx="67">
                  <c:v>0.42842157179999996</c:v>
                </c:pt>
                <c:pt idx="68">
                  <c:v>0.43154597289999996</c:v>
                </c:pt>
                <c:pt idx="69">
                  <c:v>0.43585640930000003</c:v>
                </c:pt>
                <c:pt idx="70">
                  <c:v>0.4413952753</c:v>
                </c:pt>
                <c:pt idx="71">
                  <c:v>0.44927253570000003</c:v>
                </c:pt>
                <c:pt idx="72">
                  <c:v>0.4583170191</c:v>
                </c:pt>
                <c:pt idx="73">
                  <c:v>0.46976020930000006</c:v>
                </c:pt>
                <c:pt idx="74">
                  <c:v>0.48299366979999997</c:v>
                </c:pt>
                <c:pt idx="75">
                  <c:v>0.49779609590000001</c:v>
                </c:pt>
                <c:pt idx="76">
                  <c:v>0.51455126699999998</c:v>
                </c:pt>
                <c:pt idx="77">
                  <c:v>0.53268095849999997</c:v>
                </c:pt>
                <c:pt idx="78">
                  <c:v>0.55162588509999999</c:v>
                </c:pt>
                <c:pt idx="79">
                  <c:v>0.57208616289999992</c:v>
                </c:pt>
                <c:pt idx="80">
                  <c:v>0.59284414359999993</c:v>
                </c:pt>
                <c:pt idx="81">
                  <c:v>0.61388599119999998</c:v>
                </c:pt>
                <c:pt idx="82">
                  <c:v>0.63513993469999996</c:v>
                </c:pt>
                <c:pt idx="83">
                  <c:v>0.65593329820000001</c:v>
                </c:pt>
                <c:pt idx="84">
                  <c:v>0.67595856629999995</c:v>
                </c:pt>
                <c:pt idx="85">
                  <c:v>0.69508445259999996</c:v>
                </c:pt>
                <c:pt idx="86">
                  <c:v>0.71224846689999999</c:v>
                </c:pt>
                <c:pt idx="87">
                  <c:v>0.727313973</c:v>
                </c:pt>
                <c:pt idx="88">
                  <c:v>0.74004591999999991</c:v>
                </c:pt>
                <c:pt idx="89">
                  <c:v>0.74975839259999999</c:v>
                </c:pt>
                <c:pt idx="90">
                  <c:v>0.75604232409999994</c:v>
                </c:pt>
                <c:pt idx="91">
                  <c:v>0.75919397929999999</c:v>
                </c:pt>
                <c:pt idx="92">
                  <c:v>0.75901781020000003</c:v>
                </c:pt>
                <c:pt idx="93">
                  <c:v>0.75590619439999995</c:v>
                </c:pt>
                <c:pt idx="94">
                  <c:v>0.74946552519999998</c:v>
                </c:pt>
                <c:pt idx="95">
                  <c:v>0.74060460920000004</c:v>
                </c:pt>
                <c:pt idx="96">
                  <c:v>0.72908937930000006</c:v>
                </c:pt>
                <c:pt idx="97">
                  <c:v>0.71467454730000002</c:v>
                </c:pt>
                <c:pt idx="98">
                  <c:v>0.69898442920000003</c:v>
                </c:pt>
                <c:pt idx="99">
                  <c:v>0.68129837510000002</c:v>
                </c:pt>
                <c:pt idx="100">
                  <c:v>0.66191245620000005</c:v>
                </c:pt>
                <c:pt idx="101">
                  <c:v>0.64133010059999995</c:v>
                </c:pt>
                <c:pt idx="102">
                  <c:v>0.61962634329999999</c:v>
                </c:pt>
                <c:pt idx="103">
                  <c:v>0.59726518399999995</c:v>
                </c:pt>
                <c:pt idx="104">
                  <c:v>0.57450951640000003</c:v>
                </c:pt>
                <c:pt idx="105">
                  <c:v>0.55193470420000001</c:v>
                </c:pt>
                <c:pt idx="106">
                  <c:v>0.5291713923000001</c:v>
                </c:pt>
                <c:pt idx="107">
                  <c:v>0.5066153109</c:v>
                </c:pt>
                <c:pt idx="108">
                  <c:v>0.48472855989999997</c:v>
                </c:pt>
                <c:pt idx="109">
                  <c:v>0.46283680199999999</c:v>
                </c:pt>
                <c:pt idx="110">
                  <c:v>0.44121578340000001</c:v>
                </c:pt>
                <c:pt idx="111">
                  <c:v>0.41993263370000006</c:v>
                </c:pt>
                <c:pt idx="112">
                  <c:v>0.39891608059999994</c:v>
                </c:pt>
                <c:pt idx="113">
                  <c:v>0.37846669549999995</c:v>
                </c:pt>
                <c:pt idx="114">
                  <c:v>0.35816001890000004</c:v>
                </c:pt>
                <c:pt idx="115">
                  <c:v>0.33761607109999997</c:v>
                </c:pt>
                <c:pt idx="116">
                  <c:v>0.31732866170000001</c:v>
                </c:pt>
                <c:pt idx="117">
                  <c:v>0.29821403330000001</c:v>
                </c:pt>
                <c:pt idx="118">
                  <c:v>0.27926988899999999</c:v>
                </c:pt>
                <c:pt idx="119">
                  <c:v>0.26100677259999999</c:v>
                </c:pt>
                <c:pt idx="120">
                  <c:v>0.24264216420000001</c:v>
                </c:pt>
                <c:pt idx="121">
                  <c:v>0.22650443020000002</c:v>
                </c:pt>
                <c:pt idx="122">
                  <c:v>0.21050789959999999</c:v>
                </c:pt>
                <c:pt idx="123">
                  <c:v>0.1951092928</c:v>
                </c:pt>
                <c:pt idx="124">
                  <c:v>0.18104992810000003</c:v>
                </c:pt>
                <c:pt idx="125">
                  <c:v>0.1678062528</c:v>
                </c:pt>
                <c:pt idx="126">
                  <c:v>0.15360815819999998</c:v>
                </c:pt>
                <c:pt idx="127">
                  <c:v>0.14178501069999999</c:v>
                </c:pt>
                <c:pt idx="128">
                  <c:v>0.13170190150000002</c:v>
                </c:pt>
                <c:pt idx="129">
                  <c:v>0.12329860030000001</c:v>
                </c:pt>
                <c:pt idx="130">
                  <c:v>0.11446166039999997</c:v>
                </c:pt>
                <c:pt idx="131">
                  <c:v>0.10873092719999999</c:v>
                </c:pt>
                <c:pt idx="132">
                  <c:v>0.10359656810000001</c:v>
                </c:pt>
                <c:pt idx="133">
                  <c:v>9.7563788300000009E-2</c:v>
                </c:pt>
                <c:pt idx="134">
                  <c:v>9.1928944000000012E-2</c:v>
                </c:pt>
                <c:pt idx="135">
                  <c:v>8.8850483300000005E-2</c:v>
                </c:pt>
                <c:pt idx="136">
                  <c:v>8.5162282000000006E-2</c:v>
                </c:pt>
                <c:pt idx="137">
                  <c:v>8.1517323899999994E-2</c:v>
                </c:pt>
                <c:pt idx="138">
                  <c:v>8.1392124300000007E-2</c:v>
                </c:pt>
                <c:pt idx="139">
                  <c:v>7.8167259699999991E-2</c:v>
                </c:pt>
                <c:pt idx="140">
                  <c:v>7.81493932E-2</c:v>
                </c:pt>
                <c:pt idx="141">
                  <c:v>7.6436415300000005E-2</c:v>
                </c:pt>
                <c:pt idx="142">
                  <c:v>7.6348722000000008E-2</c:v>
                </c:pt>
                <c:pt idx="143">
                  <c:v>7.7132984999999987E-2</c:v>
                </c:pt>
                <c:pt idx="144">
                  <c:v>7.7673882199999988E-2</c:v>
                </c:pt>
                <c:pt idx="145">
                  <c:v>8.0356583000000009E-2</c:v>
                </c:pt>
                <c:pt idx="146">
                  <c:v>8.2895681200000015E-2</c:v>
                </c:pt>
                <c:pt idx="147">
                  <c:v>8.4662675900000012E-2</c:v>
                </c:pt>
                <c:pt idx="148">
                  <c:v>8.6609765899999996E-2</c:v>
                </c:pt>
                <c:pt idx="149">
                  <c:v>8.8961392599999994E-2</c:v>
                </c:pt>
                <c:pt idx="150">
                  <c:v>8.9850678999999989E-2</c:v>
                </c:pt>
                <c:pt idx="151">
                  <c:v>9.1007635000000003E-2</c:v>
                </c:pt>
                <c:pt idx="152">
                  <c:v>9.1707006099999988E-2</c:v>
                </c:pt>
                <c:pt idx="153">
                  <c:v>9.3017473800000028E-2</c:v>
                </c:pt>
                <c:pt idx="154">
                  <c:v>9.3910321600000013E-2</c:v>
                </c:pt>
                <c:pt idx="155">
                  <c:v>9.5297291899999997E-2</c:v>
                </c:pt>
                <c:pt idx="156">
                  <c:v>9.6284285199999986E-2</c:v>
                </c:pt>
                <c:pt idx="157">
                  <c:v>9.7884595400000024E-2</c:v>
                </c:pt>
                <c:pt idx="158">
                  <c:v>0.1002140939</c:v>
                </c:pt>
                <c:pt idx="159">
                  <c:v>0.10281367599999996</c:v>
                </c:pt>
                <c:pt idx="160">
                  <c:v>0.1076041311</c:v>
                </c:pt>
                <c:pt idx="161">
                  <c:v>0.11212901770000003</c:v>
                </c:pt>
                <c:pt idx="162">
                  <c:v>0.11682140829999998</c:v>
                </c:pt>
                <c:pt idx="163">
                  <c:v>0.12204469740000001</c:v>
                </c:pt>
                <c:pt idx="164">
                  <c:v>0.1259158105</c:v>
                </c:pt>
                <c:pt idx="165">
                  <c:v>0.12862966960000002</c:v>
                </c:pt>
                <c:pt idx="166">
                  <c:v>0.13189701740000001</c:v>
                </c:pt>
                <c:pt idx="167">
                  <c:v>0.13490317760000001</c:v>
                </c:pt>
                <c:pt idx="168">
                  <c:v>0.13927160200000002</c:v>
                </c:pt>
                <c:pt idx="169">
                  <c:v>0.14770604670000001</c:v>
                </c:pt>
                <c:pt idx="170">
                  <c:v>0.15847709779999999</c:v>
                </c:pt>
                <c:pt idx="171">
                  <c:v>0.1730307341</c:v>
                </c:pt>
                <c:pt idx="172">
                  <c:v>0.18855231999999997</c:v>
                </c:pt>
                <c:pt idx="173">
                  <c:v>0.20563606909999999</c:v>
                </c:pt>
                <c:pt idx="174">
                  <c:v>0.22472092509999997</c:v>
                </c:pt>
              </c:numCache>
            </c:numRef>
          </c:yVal>
          <c:smooth val="1"/>
          <c:extLst>
            <c:ext xmlns:c16="http://schemas.microsoft.com/office/drawing/2014/chart" uri="{C3380CC4-5D6E-409C-BE32-E72D297353CC}">
              <c16:uniqueId val="{00000010-A415-4ECF-917B-4C54DA15B2EC}"/>
            </c:ext>
          </c:extLst>
        </c:ser>
        <c:ser>
          <c:idx val="17"/>
          <c:order val="17"/>
          <c:tx>
            <c:strRef>
              <c:f>'Part 3'!$K$46</c:f>
              <c:strCache>
                <c:ptCount val="1"/>
                <c:pt idx="0">
                  <c:v>Sample 18</c:v>
                </c:pt>
              </c:strCache>
            </c:strRef>
          </c:tx>
          <c:spPr>
            <a:ln w="19050" cap="rnd">
              <a:solidFill>
                <a:schemeClr val="accent6">
                  <a:lumMod val="80000"/>
                  <a:lumOff val="2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6:$GD$46</c:f>
              <c:numCache>
                <c:formatCode>General</c:formatCode>
                <c:ptCount val="175"/>
                <c:pt idx="0">
                  <c:v>7.3510482500000057E-3</c:v>
                </c:pt>
                <c:pt idx="1">
                  <c:v>8.073173419999996E-3</c:v>
                </c:pt>
                <c:pt idx="2">
                  <c:v>8.5061192299999977E-3</c:v>
                </c:pt>
                <c:pt idx="3">
                  <c:v>8.8908374499999943E-3</c:v>
                </c:pt>
                <c:pt idx="4">
                  <c:v>1.0080851640000013E-2</c:v>
                </c:pt>
                <c:pt idx="5">
                  <c:v>1.0790117079999995E-2</c:v>
                </c:pt>
                <c:pt idx="6">
                  <c:v>1.1967241769999998E-2</c:v>
                </c:pt>
                <c:pt idx="7">
                  <c:v>1.2859210400000001E-2</c:v>
                </c:pt>
                <c:pt idx="8">
                  <c:v>1.4160349960000013E-2</c:v>
                </c:pt>
                <c:pt idx="9">
                  <c:v>1.5552833629999999E-2</c:v>
                </c:pt>
                <c:pt idx="10">
                  <c:v>1.7113268389999992E-2</c:v>
                </c:pt>
                <c:pt idx="11">
                  <c:v>1.8814243340000009E-2</c:v>
                </c:pt>
                <c:pt idx="12">
                  <c:v>2.0690254850000006E-2</c:v>
                </c:pt>
                <c:pt idx="13">
                  <c:v>2.2888734929999988E-2</c:v>
                </c:pt>
                <c:pt idx="14">
                  <c:v>2.552752199000001E-2</c:v>
                </c:pt>
                <c:pt idx="15">
                  <c:v>2.8417684130000009E-2</c:v>
                </c:pt>
                <c:pt idx="16">
                  <c:v>3.1841993309999997E-2</c:v>
                </c:pt>
                <c:pt idx="17">
                  <c:v>3.5682946430000001E-2</c:v>
                </c:pt>
                <c:pt idx="18">
                  <c:v>4.0481194809999982E-2</c:v>
                </c:pt>
                <c:pt idx="19">
                  <c:v>4.5481800999999988E-2</c:v>
                </c:pt>
                <c:pt idx="20">
                  <c:v>5.1862128099999988E-2</c:v>
                </c:pt>
                <c:pt idx="21">
                  <c:v>5.8877631999999999E-2</c:v>
                </c:pt>
                <c:pt idx="22">
                  <c:v>6.7631200000000002E-2</c:v>
                </c:pt>
                <c:pt idx="23">
                  <c:v>7.7696368099999996E-2</c:v>
                </c:pt>
                <c:pt idx="24">
                  <c:v>8.89493227E-2</c:v>
                </c:pt>
                <c:pt idx="25">
                  <c:v>0.10308249290000002</c:v>
                </c:pt>
                <c:pt idx="26">
                  <c:v>0.1190853715</c:v>
                </c:pt>
                <c:pt idx="27">
                  <c:v>0.13766499609999999</c:v>
                </c:pt>
                <c:pt idx="28">
                  <c:v>0.15940261629999999</c:v>
                </c:pt>
                <c:pt idx="29">
                  <c:v>0.18341392279999996</c:v>
                </c:pt>
                <c:pt idx="30">
                  <c:v>0.21005724370000001</c:v>
                </c:pt>
                <c:pt idx="31">
                  <c:v>0.23885750030000003</c:v>
                </c:pt>
                <c:pt idx="32">
                  <c:v>0.26854049419999998</c:v>
                </c:pt>
                <c:pt idx="33">
                  <c:v>0.29849024860000001</c:v>
                </c:pt>
                <c:pt idx="34">
                  <c:v>0.32769108569999994</c:v>
                </c:pt>
                <c:pt idx="35">
                  <c:v>0.35439316180000002</c:v>
                </c:pt>
                <c:pt idx="36">
                  <c:v>0.37835710499999997</c:v>
                </c:pt>
                <c:pt idx="37">
                  <c:v>0.3989101276</c:v>
                </c:pt>
                <c:pt idx="38">
                  <c:v>0.41638353459999999</c:v>
                </c:pt>
                <c:pt idx="39">
                  <c:v>0.43204448379999999</c:v>
                </c:pt>
                <c:pt idx="40">
                  <c:v>0.44549325100000003</c:v>
                </c:pt>
                <c:pt idx="41">
                  <c:v>0.45756426460000005</c:v>
                </c:pt>
                <c:pt idx="42">
                  <c:v>0.47002070390000006</c:v>
                </c:pt>
                <c:pt idx="43">
                  <c:v>0.48226884759999999</c:v>
                </c:pt>
                <c:pt idx="44">
                  <c:v>0.49504862720000004</c:v>
                </c:pt>
                <c:pt idx="45">
                  <c:v>0.50788798190000006</c:v>
                </c:pt>
                <c:pt idx="46">
                  <c:v>0.52054912600000003</c:v>
                </c:pt>
                <c:pt idx="47">
                  <c:v>0.53264774380000002</c:v>
                </c:pt>
                <c:pt idx="48">
                  <c:v>0.54416010530000003</c:v>
                </c:pt>
                <c:pt idx="49">
                  <c:v>0.55407269299999995</c:v>
                </c:pt>
                <c:pt idx="50">
                  <c:v>0.56219562150000002</c:v>
                </c:pt>
                <c:pt idx="51">
                  <c:v>0.56912375249999991</c:v>
                </c:pt>
                <c:pt idx="52">
                  <c:v>0.57358913119999999</c:v>
                </c:pt>
                <c:pt idx="53">
                  <c:v>0.57603978369999997</c:v>
                </c:pt>
                <c:pt idx="54">
                  <c:v>0.57661891730000003</c:v>
                </c:pt>
                <c:pt idx="55">
                  <c:v>0.57473181179999999</c:v>
                </c:pt>
                <c:pt idx="56">
                  <c:v>0.57113680980000003</c:v>
                </c:pt>
                <c:pt idx="57">
                  <c:v>0.56669092179999991</c:v>
                </c:pt>
                <c:pt idx="58">
                  <c:v>0.56141103059999997</c:v>
                </c:pt>
                <c:pt idx="59">
                  <c:v>0.55599504710000003</c:v>
                </c:pt>
                <c:pt idx="60">
                  <c:v>0.55032303189999998</c:v>
                </c:pt>
                <c:pt idx="61">
                  <c:v>0.5446581841</c:v>
                </c:pt>
                <c:pt idx="62">
                  <c:v>0.53922215099999993</c:v>
                </c:pt>
                <c:pt idx="63">
                  <c:v>0.5337297916</c:v>
                </c:pt>
                <c:pt idx="64">
                  <c:v>0.52778888489999998</c:v>
                </c:pt>
                <c:pt idx="65">
                  <c:v>0.52286053450000003</c:v>
                </c:pt>
                <c:pt idx="66">
                  <c:v>0.51751825210000002</c:v>
                </c:pt>
                <c:pt idx="67">
                  <c:v>0.51283378899999998</c:v>
                </c:pt>
                <c:pt idx="68">
                  <c:v>0.50951641800000003</c:v>
                </c:pt>
                <c:pt idx="69">
                  <c:v>0.50646913790000003</c:v>
                </c:pt>
                <c:pt idx="70">
                  <c:v>0.50511281939999997</c:v>
                </c:pt>
                <c:pt idx="71">
                  <c:v>0.50517698379999998</c:v>
                </c:pt>
                <c:pt idx="72">
                  <c:v>0.50679538400000002</c:v>
                </c:pt>
                <c:pt idx="73">
                  <c:v>0.51055857540000005</c:v>
                </c:pt>
                <c:pt idx="74">
                  <c:v>0.51579815900000003</c:v>
                </c:pt>
                <c:pt idx="75">
                  <c:v>0.52325550459999992</c:v>
                </c:pt>
                <c:pt idx="76">
                  <c:v>0.53150849049999993</c:v>
                </c:pt>
                <c:pt idx="77">
                  <c:v>0.54203781480000002</c:v>
                </c:pt>
                <c:pt idx="78">
                  <c:v>0.55309096729999996</c:v>
                </c:pt>
                <c:pt idx="79">
                  <c:v>0.56558705119999997</c:v>
                </c:pt>
                <c:pt idx="80">
                  <c:v>0.57867600029999999</c:v>
                </c:pt>
                <c:pt idx="81">
                  <c:v>0.59198754279999999</c:v>
                </c:pt>
                <c:pt idx="82">
                  <c:v>0.60612081740000001</c:v>
                </c:pt>
                <c:pt idx="83">
                  <c:v>0.62008718399999996</c:v>
                </c:pt>
                <c:pt idx="84">
                  <c:v>0.63372688739999994</c:v>
                </c:pt>
                <c:pt idx="85">
                  <c:v>0.64605289700000001</c:v>
                </c:pt>
                <c:pt idx="86">
                  <c:v>0.65760680280000006</c:v>
                </c:pt>
                <c:pt idx="87">
                  <c:v>0.66730318210000006</c:v>
                </c:pt>
                <c:pt idx="88">
                  <c:v>0.6752895861999999</c:v>
                </c:pt>
                <c:pt idx="89">
                  <c:v>0.68100765350000003</c:v>
                </c:pt>
                <c:pt idx="90">
                  <c:v>0.68405159569999996</c:v>
                </c:pt>
                <c:pt idx="91">
                  <c:v>0.68458267309999998</c:v>
                </c:pt>
                <c:pt idx="92">
                  <c:v>0.68275390560000004</c:v>
                </c:pt>
                <c:pt idx="93">
                  <c:v>0.67811933159999993</c:v>
                </c:pt>
                <c:pt idx="94">
                  <c:v>0.67101681229999999</c:v>
                </c:pt>
                <c:pt idx="95">
                  <c:v>0.66225257510000002</c:v>
                </c:pt>
                <c:pt idx="96">
                  <c:v>0.65059393639999996</c:v>
                </c:pt>
                <c:pt idx="97">
                  <c:v>0.6371886283</c:v>
                </c:pt>
                <c:pt idx="98">
                  <c:v>0.6224880666</c:v>
                </c:pt>
                <c:pt idx="99">
                  <c:v>0.60639286039999996</c:v>
                </c:pt>
                <c:pt idx="100">
                  <c:v>0.588704899</c:v>
                </c:pt>
                <c:pt idx="101">
                  <c:v>0.57003364709999993</c:v>
                </c:pt>
                <c:pt idx="102">
                  <c:v>0.55059492590000003</c:v>
                </c:pt>
                <c:pt idx="103">
                  <c:v>0.53030031919999998</c:v>
                </c:pt>
                <c:pt idx="104">
                  <c:v>0.50941361490000003</c:v>
                </c:pt>
                <c:pt idx="105">
                  <c:v>0.4891880602</c:v>
                </c:pt>
                <c:pt idx="106">
                  <c:v>0.46894012390000001</c:v>
                </c:pt>
                <c:pt idx="107">
                  <c:v>0.44919481870000005</c:v>
                </c:pt>
                <c:pt idx="108">
                  <c:v>0.42998020349999999</c:v>
                </c:pt>
                <c:pt idx="109">
                  <c:v>0.41039502620000001</c:v>
                </c:pt>
                <c:pt idx="110">
                  <c:v>0.39146909120000006</c:v>
                </c:pt>
                <c:pt idx="111">
                  <c:v>0.37276318670000003</c:v>
                </c:pt>
                <c:pt idx="112">
                  <c:v>0.3539796918</c:v>
                </c:pt>
                <c:pt idx="113">
                  <c:v>0.3358424008</c:v>
                </c:pt>
                <c:pt idx="114">
                  <c:v>0.31713655590000001</c:v>
                </c:pt>
                <c:pt idx="115">
                  <c:v>0.29913799460000001</c:v>
                </c:pt>
                <c:pt idx="116">
                  <c:v>0.2818490267</c:v>
                </c:pt>
                <c:pt idx="117">
                  <c:v>0.26464755840000004</c:v>
                </c:pt>
                <c:pt idx="118">
                  <c:v>0.24864195290000002</c:v>
                </c:pt>
                <c:pt idx="119">
                  <c:v>0.23296052219999996</c:v>
                </c:pt>
                <c:pt idx="120">
                  <c:v>0.21686196330000002</c:v>
                </c:pt>
                <c:pt idx="121">
                  <c:v>0.20369072260000001</c:v>
                </c:pt>
                <c:pt idx="122">
                  <c:v>0.1900923551</c:v>
                </c:pt>
                <c:pt idx="123">
                  <c:v>0.17660780250000002</c:v>
                </c:pt>
                <c:pt idx="124">
                  <c:v>0.1657082587</c:v>
                </c:pt>
                <c:pt idx="125">
                  <c:v>0.15508492289999998</c:v>
                </c:pt>
                <c:pt idx="126">
                  <c:v>0.14372391999999998</c:v>
                </c:pt>
                <c:pt idx="127">
                  <c:v>0.13374973830000003</c:v>
                </c:pt>
                <c:pt idx="128">
                  <c:v>0.12611769140000004</c:v>
                </c:pt>
                <c:pt idx="129">
                  <c:v>0.1199974567</c:v>
                </c:pt>
                <c:pt idx="130">
                  <c:v>0.11453056329999997</c:v>
                </c:pt>
                <c:pt idx="131">
                  <c:v>0.10920238499999999</c:v>
                </c:pt>
                <c:pt idx="132">
                  <c:v>0.10593624409999999</c:v>
                </c:pt>
                <c:pt idx="133">
                  <c:v>0.10289750989999999</c:v>
                </c:pt>
                <c:pt idx="134">
                  <c:v>9.9232301100000003E-2</c:v>
                </c:pt>
                <c:pt idx="135">
                  <c:v>9.5619678499999999E-2</c:v>
                </c:pt>
                <c:pt idx="136">
                  <c:v>9.3318983900000013E-2</c:v>
                </c:pt>
                <c:pt idx="137">
                  <c:v>9.1315492999999998E-2</c:v>
                </c:pt>
                <c:pt idx="138">
                  <c:v>9.1587528600000023E-2</c:v>
                </c:pt>
                <c:pt idx="139">
                  <c:v>8.8954687100000013E-2</c:v>
                </c:pt>
                <c:pt idx="140">
                  <c:v>8.8889822300000004E-2</c:v>
                </c:pt>
                <c:pt idx="141">
                  <c:v>8.686831590000002E-2</c:v>
                </c:pt>
                <c:pt idx="142">
                  <c:v>8.7232053300000001E-2</c:v>
                </c:pt>
                <c:pt idx="143">
                  <c:v>8.83508026E-2</c:v>
                </c:pt>
                <c:pt idx="144">
                  <c:v>8.9886352400000008E-2</c:v>
                </c:pt>
                <c:pt idx="145">
                  <c:v>9.1050803699999988E-2</c:v>
                </c:pt>
                <c:pt idx="146">
                  <c:v>9.3078046999999997E-2</c:v>
                </c:pt>
                <c:pt idx="147">
                  <c:v>9.4143152300000005E-2</c:v>
                </c:pt>
                <c:pt idx="148">
                  <c:v>9.5586985299999983E-2</c:v>
                </c:pt>
                <c:pt idx="149">
                  <c:v>9.6520706999999983E-2</c:v>
                </c:pt>
                <c:pt idx="150">
                  <c:v>9.7331970900000009E-2</c:v>
                </c:pt>
                <c:pt idx="151">
                  <c:v>9.7738057400000022E-2</c:v>
                </c:pt>
                <c:pt idx="152">
                  <c:v>9.9119752700000008E-2</c:v>
                </c:pt>
                <c:pt idx="153">
                  <c:v>9.9280014600000022E-2</c:v>
                </c:pt>
                <c:pt idx="154">
                  <c:v>0.10054437820000001</c:v>
                </c:pt>
                <c:pt idx="155">
                  <c:v>0.10159941019999999</c:v>
                </c:pt>
                <c:pt idx="156">
                  <c:v>0.10289184750000002</c:v>
                </c:pt>
                <c:pt idx="157">
                  <c:v>0.10478341580000003</c:v>
                </c:pt>
                <c:pt idx="158">
                  <c:v>0.10799661279999997</c:v>
                </c:pt>
                <c:pt idx="159">
                  <c:v>0.11245410150000001</c:v>
                </c:pt>
                <c:pt idx="160">
                  <c:v>0.11798684300000001</c:v>
                </c:pt>
                <c:pt idx="161">
                  <c:v>0.12473441660000004</c:v>
                </c:pt>
                <c:pt idx="162">
                  <c:v>0.13139605529999998</c:v>
                </c:pt>
                <c:pt idx="163">
                  <c:v>0.13794063030000003</c:v>
                </c:pt>
                <c:pt idx="164">
                  <c:v>0.14319925010000001</c:v>
                </c:pt>
                <c:pt idx="165">
                  <c:v>0.14657463140000002</c:v>
                </c:pt>
                <c:pt idx="166">
                  <c:v>0.1501183361</c:v>
                </c:pt>
                <c:pt idx="167">
                  <c:v>0.15235762300000003</c:v>
                </c:pt>
                <c:pt idx="168">
                  <c:v>0.15626154839999998</c:v>
                </c:pt>
                <c:pt idx="169">
                  <c:v>0.16247139870000002</c:v>
                </c:pt>
                <c:pt idx="170">
                  <c:v>0.17133218050000001</c:v>
                </c:pt>
                <c:pt idx="171">
                  <c:v>0.18276834490000002</c:v>
                </c:pt>
                <c:pt idx="172">
                  <c:v>0.19664812089999997</c:v>
                </c:pt>
                <c:pt idx="173">
                  <c:v>0.21212978659999998</c:v>
                </c:pt>
                <c:pt idx="174">
                  <c:v>0.23001039019999997</c:v>
                </c:pt>
              </c:numCache>
            </c:numRef>
          </c:yVal>
          <c:smooth val="1"/>
          <c:extLst>
            <c:ext xmlns:c16="http://schemas.microsoft.com/office/drawing/2014/chart" uri="{C3380CC4-5D6E-409C-BE32-E72D297353CC}">
              <c16:uniqueId val="{00000011-A415-4ECF-917B-4C54DA15B2EC}"/>
            </c:ext>
          </c:extLst>
        </c:ser>
        <c:ser>
          <c:idx val="18"/>
          <c:order val="18"/>
          <c:tx>
            <c:strRef>
              <c:f>'Part 3'!$K$47</c:f>
              <c:strCache>
                <c:ptCount val="1"/>
                <c:pt idx="0">
                  <c:v>Sample 19</c:v>
                </c:pt>
              </c:strCache>
            </c:strRef>
          </c:tx>
          <c:spPr>
            <a:ln w="19050" cap="rnd">
              <a:solidFill>
                <a:schemeClr val="accent1">
                  <a:lumMod val="8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7:$GD$47</c:f>
              <c:numCache>
                <c:formatCode>General</c:formatCode>
                <c:ptCount val="175"/>
                <c:pt idx="0">
                  <c:v>1.9660167350000007E-2</c:v>
                </c:pt>
                <c:pt idx="1">
                  <c:v>2.0978964820000001E-2</c:v>
                </c:pt>
                <c:pt idx="2">
                  <c:v>2.2829748730000002E-2</c:v>
                </c:pt>
                <c:pt idx="3">
                  <c:v>2.4781890249999994E-2</c:v>
                </c:pt>
                <c:pt idx="4">
                  <c:v>2.7103573040000009E-2</c:v>
                </c:pt>
                <c:pt idx="5">
                  <c:v>2.9402919079999992E-2</c:v>
                </c:pt>
                <c:pt idx="6">
                  <c:v>3.2204255469999998E-2</c:v>
                </c:pt>
                <c:pt idx="7">
                  <c:v>3.5544939300000009E-2</c:v>
                </c:pt>
                <c:pt idx="8">
                  <c:v>3.8903221459999998E-2</c:v>
                </c:pt>
                <c:pt idx="9">
                  <c:v>4.2814657130000003E-2</c:v>
                </c:pt>
                <c:pt idx="10">
                  <c:v>4.7083154289999984E-2</c:v>
                </c:pt>
                <c:pt idx="11">
                  <c:v>5.1819190340000001E-2</c:v>
                </c:pt>
                <c:pt idx="12">
                  <c:v>5.7211190450000005E-2</c:v>
                </c:pt>
                <c:pt idx="13">
                  <c:v>6.3124954729999988E-2</c:v>
                </c:pt>
                <c:pt idx="14">
                  <c:v>6.9642245790000015E-2</c:v>
                </c:pt>
                <c:pt idx="15">
                  <c:v>7.6571308030000007E-2</c:v>
                </c:pt>
                <c:pt idx="16">
                  <c:v>8.4370687610000009E-2</c:v>
                </c:pt>
                <c:pt idx="17">
                  <c:v>9.2972442530000005E-2</c:v>
                </c:pt>
                <c:pt idx="18">
                  <c:v>0.10210764411000001</c:v>
                </c:pt>
                <c:pt idx="19">
                  <c:v>0.11184450979999999</c:v>
                </c:pt>
                <c:pt idx="20">
                  <c:v>0.12252008170000001</c:v>
                </c:pt>
                <c:pt idx="21">
                  <c:v>0.13398770990000003</c:v>
                </c:pt>
                <c:pt idx="22">
                  <c:v>0.1465062946</c:v>
                </c:pt>
                <c:pt idx="23">
                  <c:v>0.15961033099999999</c:v>
                </c:pt>
                <c:pt idx="24">
                  <c:v>0.17384080590000001</c:v>
                </c:pt>
                <c:pt idx="25">
                  <c:v>0.18936543170000003</c:v>
                </c:pt>
                <c:pt idx="26">
                  <c:v>0.20664210620000001</c:v>
                </c:pt>
                <c:pt idx="27">
                  <c:v>0.22511348869999998</c:v>
                </c:pt>
                <c:pt idx="28">
                  <c:v>0.24535904080000001</c:v>
                </c:pt>
                <c:pt idx="29">
                  <c:v>0.26761642099999999</c:v>
                </c:pt>
                <c:pt idx="30">
                  <c:v>0.29173405470000002</c:v>
                </c:pt>
                <c:pt idx="31">
                  <c:v>0.31733661150000003</c:v>
                </c:pt>
                <c:pt idx="32">
                  <c:v>0.34369956699999998</c:v>
                </c:pt>
                <c:pt idx="33">
                  <c:v>0.3704912588</c:v>
                </c:pt>
                <c:pt idx="34">
                  <c:v>0.3964729682</c:v>
                </c:pt>
                <c:pt idx="35">
                  <c:v>0.42091912769999995</c:v>
                </c:pt>
                <c:pt idx="36">
                  <c:v>0.44284855579999999</c:v>
                </c:pt>
                <c:pt idx="37">
                  <c:v>0.46258439870000001</c:v>
                </c:pt>
                <c:pt idx="38">
                  <c:v>0.47918501489999998</c:v>
                </c:pt>
                <c:pt idx="39">
                  <c:v>0.49345652020000003</c:v>
                </c:pt>
                <c:pt idx="40">
                  <c:v>0.50616011019999996</c:v>
                </c:pt>
                <c:pt idx="41">
                  <c:v>0.51719996339999996</c:v>
                </c:pt>
                <c:pt idx="42">
                  <c:v>0.52797072379999999</c:v>
                </c:pt>
                <c:pt idx="43">
                  <c:v>0.53834239400000006</c:v>
                </c:pt>
                <c:pt idx="44">
                  <c:v>0.5486807078</c:v>
                </c:pt>
                <c:pt idx="45">
                  <c:v>0.55891486260000001</c:v>
                </c:pt>
                <c:pt idx="46">
                  <c:v>0.56876070050000005</c:v>
                </c:pt>
                <c:pt idx="47">
                  <c:v>0.57807733120000004</c:v>
                </c:pt>
                <c:pt idx="48">
                  <c:v>0.5866486206</c:v>
                </c:pt>
                <c:pt idx="49">
                  <c:v>0.59385509790000002</c:v>
                </c:pt>
                <c:pt idx="50">
                  <c:v>0.59928955890000002</c:v>
                </c:pt>
                <c:pt idx="51">
                  <c:v>0.60375631609999991</c:v>
                </c:pt>
                <c:pt idx="52">
                  <c:v>0.606252715</c:v>
                </c:pt>
                <c:pt idx="53">
                  <c:v>0.60669266440000003</c:v>
                </c:pt>
                <c:pt idx="54">
                  <c:v>0.60594964780000005</c:v>
                </c:pt>
                <c:pt idx="55">
                  <c:v>0.60285077980000001</c:v>
                </c:pt>
                <c:pt idx="56">
                  <c:v>0.59844640640000002</c:v>
                </c:pt>
                <c:pt idx="57">
                  <c:v>0.59313631059999994</c:v>
                </c:pt>
                <c:pt idx="58">
                  <c:v>0.58710504330000002</c:v>
                </c:pt>
                <c:pt idx="59">
                  <c:v>0.58108550310000007</c:v>
                </c:pt>
                <c:pt idx="60">
                  <c:v>0.57502915710000002</c:v>
                </c:pt>
                <c:pt idx="61">
                  <c:v>0.568877101</c:v>
                </c:pt>
                <c:pt idx="62">
                  <c:v>0.56281206009999996</c:v>
                </c:pt>
                <c:pt idx="63">
                  <c:v>0.55740296840000003</c:v>
                </c:pt>
                <c:pt idx="64">
                  <c:v>0.55123580240000003</c:v>
                </c:pt>
                <c:pt idx="65">
                  <c:v>0.54577822239999996</c:v>
                </c:pt>
                <c:pt idx="66">
                  <c:v>0.54014369839999998</c:v>
                </c:pt>
                <c:pt idx="67">
                  <c:v>0.53468389810000005</c:v>
                </c:pt>
                <c:pt idx="68">
                  <c:v>0.53047734499999999</c:v>
                </c:pt>
                <c:pt idx="69">
                  <c:v>0.52653784300000006</c:v>
                </c:pt>
                <c:pt idx="70">
                  <c:v>0.52383904910000001</c:v>
                </c:pt>
                <c:pt idx="71">
                  <c:v>0.52213468400000007</c:v>
                </c:pt>
                <c:pt idx="72">
                  <c:v>0.52185944470000001</c:v>
                </c:pt>
                <c:pt idx="73">
                  <c:v>0.52290394900000003</c:v>
                </c:pt>
                <c:pt idx="74">
                  <c:v>0.52538806950000005</c:v>
                </c:pt>
                <c:pt idx="75">
                  <c:v>0.52973953629999992</c:v>
                </c:pt>
                <c:pt idx="76">
                  <c:v>0.53456537429999995</c:v>
                </c:pt>
                <c:pt idx="77">
                  <c:v>0.54131832710000005</c:v>
                </c:pt>
                <c:pt idx="78">
                  <c:v>0.54861596970000004</c:v>
                </c:pt>
                <c:pt idx="79">
                  <c:v>0.55690956859999996</c:v>
                </c:pt>
                <c:pt idx="80">
                  <c:v>0.56580521169999998</c:v>
                </c:pt>
                <c:pt idx="81">
                  <c:v>0.57456468790000004</c:v>
                </c:pt>
                <c:pt idx="82">
                  <c:v>0.58418106290000005</c:v>
                </c:pt>
                <c:pt idx="83">
                  <c:v>0.59340278059999996</c:v>
                </c:pt>
                <c:pt idx="84">
                  <c:v>0.60203324999999996</c:v>
                </c:pt>
                <c:pt idx="85">
                  <c:v>0.61015516520000002</c:v>
                </c:pt>
                <c:pt idx="86">
                  <c:v>0.61734231560000008</c:v>
                </c:pt>
                <c:pt idx="87">
                  <c:v>0.62321666620000005</c:v>
                </c:pt>
                <c:pt idx="88">
                  <c:v>0.62688161440000001</c:v>
                </c:pt>
                <c:pt idx="89">
                  <c:v>0.62940797209999999</c:v>
                </c:pt>
                <c:pt idx="90">
                  <c:v>0.62910022590000003</c:v>
                </c:pt>
                <c:pt idx="91">
                  <c:v>0.62716581679999994</c:v>
                </c:pt>
                <c:pt idx="92">
                  <c:v>0.6228617877</c:v>
                </c:pt>
                <c:pt idx="93">
                  <c:v>0.6166161</c:v>
                </c:pt>
                <c:pt idx="94">
                  <c:v>0.60869783160000002</c:v>
                </c:pt>
                <c:pt idx="95">
                  <c:v>0.59902277589999997</c:v>
                </c:pt>
                <c:pt idx="96">
                  <c:v>0.58728986979999998</c:v>
                </c:pt>
                <c:pt idx="97">
                  <c:v>0.5740342289</c:v>
                </c:pt>
                <c:pt idx="98">
                  <c:v>0.55997364220000001</c:v>
                </c:pt>
                <c:pt idx="99">
                  <c:v>0.54477232689999999</c:v>
                </c:pt>
                <c:pt idx="100">
                  <c:v>0.52818109099999999</c:v>
                </c:pt>
                <c:pt idx="101">
                  <c:v>0.51112208510000001</c:v>
                </c:pt>
                <c:pt idx="102">
                  <c:v>0.4934930206</c:v>
                </c:pt>
                <c:pt idx="103">
                  <c:v>0.47567361600000002</c:v>
                </c:pt>
                <c:pt idx="104">
                  <c:v>0.45693071190000001</c:v>
                </c:pt>
                <c:pt idx="105">
                  <c:v>0.4390687197</c:v>
                </c:pt>
                <c:pt idx="106">
                  <c:v>0.42150066790000001</c:v>
                </c:pt>
                <c:pt idx="107">
                  <c:v>0.40380093450000004</c:v>
                </c:pt>
                <c:pt idx="108">
                  <c:v>0.38698475060000004</c:v>
                </c:pt>
                <c:pt idx="109">
                  <c:v>0.37026572229999999</c:v>
                </c:pt>
                <c:pt idx="110">
                  <c:v>0.35377702119999999</c:v>
                </c:pt>
                <c:pt idx="111">
                  <c:v>0.33805251120000002</c:v>
                </c:pt>
                <c:pt idx="112">
                  <c:v>0.32156668600000005</c:v>
                </c:pt>
                <c:pt idx="113">
                  <c:v>0.30612087249999997</c:v>
                </c:pt>
                <c:pt idx="114">
                  <c:v>0.29034963250000001</c:v>
                </c:pt>
                <c:pt idx="115">
                  <c:v>0.27491731939999997</c:v>
                </c:pt>
                <c:pt idx="116">
                  <c:v>0.2603290975</c:v>
                </c:pt>
                <c:pt idx="117">
                  <c:v>0.2457586974</c:v>
                </c:pt>
                <c:pt idx="118">
                  <c:v>0.2316347808</c:v>
                </c:pt>
                <c:pt idx="119">
                  <c:v>0.21940016749999997</c:v>
                </c:pt>
                <c:pt idx="120">
                  <c:v>0.2060087323</c:v>
                </c:pt>
                <c:pt idx="121">
                  <c:v>0.1951780766</c:v>
                </c:pt>
                <c:pt idx="122">
                  <c:v>0.184522301</c:v>
                </c:pt>
                <c:pt idx="123">
                  <c:v>0.17341543730000003</c:v>
                </c:pt>
                <c:pt idx="124">
                  <c:v>0.16482435169999998</c:v>
                </c:pt>
                <c:pt idx="125">
                  <c:v>0.15593276919999999</c:v>
                </c:pt>
                <c:pt idx="126">
                  <c:v>0.1478788704</c:v>
                </c:pt>
                <c:pt idx="127">
                  <c:v>0.1407023221</c:v>
                </c:pt>
                <c:pt idx="128">
                  <c:v>0.13513545690000003</c:v>
                </c:pt>
                <c:pt idx="129">
                  <c:v>0.12990339099999998</c:v>
                </c:pt>
                <c:pt idx="130">
                  <c:v>0.12701794499999999</c:v>
                </c:pt>
                <c:pt idx="131">
                  <c:v>0.12477464979999997</c:v>
                </c:pt>
                <c:pt idx="132">
                  <c:v>0.12249180670000001</c:v>
                </c:pt>
                <c:pt idx="133">
                  <c:v>0.1200318933</c:v>
                </c:pt>
                <c:pt idx="134">
                  <c:v>0.11810870469999998</c:v>
                </c:pt>
                <c:pt idx="135">
                  <c:v>0.11547444759999997</c:v>
                </c:pt>
                <c:pt idx="136">
                  <c:v>0.11584743860000002</c:v>
                </c:pt>
                <c:pt idx="137">
                  <c:v>0.11530779299999999</c:v>
                </c:pt>
                <c:pt idx="138">
                  <c:v>0.11685404180000003</c:v>
                </c:pt>
                <c:pt idx="139">
                  <c:v>0.11510665709999998</c:v>
                </c:pt>
                <c:pt idx="140">
                  <c:v>0.11498643450000001</c:v>
                </c:pt>
                <c:pt idx="141">
                  <c:v>0.1142230779</c:v>
                </c:pt>
                <c:pt idx="142">
                  <c:v>0.11396041510000002</c:v>
                </c:pt>
                <c:pt idx="143">
                  <c:v>0.11399230360000001</c:v>
                </c:pt>
                <c:pt idx="144">
                  <c:v>0.11426070330000002</c:v>
                </c:pt>
                <c:pt idx="145">
                  <c:v>0.11512231829999997</c:v>
                </c:pt>
                <c:pt idx="146">
                  <c:v>0.1157448143</c:v>
                </c:pt>
                <c:pt idx="147">
                  <c:v>0.11622075740000001</c:v>
                </c:pt>
                <c:pt idx="148">
                  <c:v>0.11625325680000001</c:v>
                </c:pt>
                <c:pt idx="149">
                  <c:v>0.11667822300000003</c:v>
                </c:pt>
                <c:pt idx="150">
                  <c:v>0.11734634640000002</c:v>
                </c:pt>
                <c:pt idx="151">
                  <c:v>0.1176051199</c:v>
                </c:pt>
                <c:pt idx="152">
                  <c:v>0.11870697140000003</c:v>
                </c:pt>
                <c:pt idx="153">
                  <c:v>0.11993898450000001</c:v>
                </c:pt>
                <c:pt idx="154">
                  <c:v>0.12257270520000002</c:v>
                </c:pt>
                <c:pt idx="155">
                  <c:v>0.12599365409999999</c:v>
                </c:pt>
                <c:pt idx="156">
                  <c:v>0.13014806800000001</c:v>
                </c:pt>
                <c:pt idx="157">
                  <c:v>0.1352802813</c:v>
                </c:pt>
                <c:pt idx="158">
                  <c:v>0.14173728230000002</c:v>
                </c:pt>
                <c:pt idx="159">
                  <c:v>0.14949254689999997</c:v>
                </c:pt>
                <c:pt idx="160">
                  <c:v>0.15745069090000002</c:v>
                </c:pt>
                <c:pt idx="161">
                  <c:v>0.16555841260000001</c:v>
                </c:pt>
                <c:pt idx="162">
                  <c:v>0.17339852459999999</c:v>
                </c:pt>
                <c:pt idx="163">
                  <c:v>0.1806743294</c:v>
                </c:pt>
                <c:pt idx="164">
                  <c:v>0.18781371419999998</c:v>
                </c:pt>
                <c:pt idx="165">
                  <c:v>0.1935663671</c:v>
                </c:pt>
                <c:pt idx="166">
                  <c:v>0.20027475059999997</c:v>
                </c:pt>
                <c:pt idx="167">
                  <c:v>0.20700837670000002</c:v>
                </c:pt>
                <c:pt idx="168">
                  <c:v>0.21551607549999999</c:v>
                </c:pt>
                <c:pt idx="169">
                  <c:v>0.22693075240000002</c:v>
                </c:pt>
                <c:pt idx="170">
                  <c:v>0.2402110398</c:v>
                </c:pt>
                <c:pt idx="171">
                  <c:v>0.25690963869999994</c:v>
                </c:pt>
                <c:pt idx="172">
                  <c:v>0.27398705479999996</c:v>
                </c:pt>
                <c:pt idx="173">
                  <c:v>0.2929823547</c:v>
                </c:pt>
                <c:pt idx="174">
                  <c:v>0.31299006930000001</c:v>
                </c:pt>
              </c:numCache>
            </c:numRef>
          </c:yVal>
          <c:smooth val="1"/>
          <c:extLst>
            <c:ext xmlns:c16="http://schemas.microsoft.com/office/drawing/2014/chart" uri="{C3380CC4-5D6E-409C-BE32-E72D297353CC}">
              <c16:uniqueId val="{00000012-A415-4ECF-917B-4C54DA15B2EC}"/>
            </c:ext>
          </c:extLst>
        </c:ser>
        <c:ser>
          <c:idx val="19"/>
          <c:order val="19"/>
          <c:tx>
            <c:strRef>
              <c:f>'Part 3'!$K$48</c:f>
              <c:strCache>
                <c:ptCount val="1"/>
                <c:pt idx="0">
                  <c:v>Sample 20</c:v>
                </c:pt>
              </c:strCache>
            </c:strRef>
          </c:tx>
          <c:spPr>
            <a:ln w="19050" cap="rnd">
              <a:solidFill>
                <a:schemeClr val="accent2">
                  <a:lumMod val="8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8:$GD$48</c:f>
              <c:numCache>
                <c:formatCode>General</c:formatCode>
                <c:ptCount val="175"/>
                <c:pt idx="0">
                  <c:v>2.1361306349999998E-2</c:v>
                </c:pt>
                <c:pt idx="1">
                  <c:v>2.3293040719999991E-2</c:v>
                </c:pt>
                <c:pt idx="2">
                  <c:v>2.5166675429999993E-2</c:v>
                </c:pt>
                <c:pt idx="3">
                  <c:v>2.7300149250000003E-2</c:v>
                </c:pt>
                <c:pt idx="4">
                  <c:v>3.0087381640000008E-2</c:v>
                </c:pt>
                <c:pt idx="5">
                  <c:v>3.2757021479999995E-2</c:v>
                </c:pt>
                <c:pt idx="6">
                  <c:v>3.5941407069999987E-2</c:v>
                </c:pt>
                <c:pt idx="7">
                  <c:v>3.9610557300000002E-2</c:v>
                </c:pt>
                <c:pt idx="8">
                  <c:v>4.3490782360000008E-2</c:v>
                </c:pt>
                <c:pt idx="9">
                  <c:v>4.7869727029999989E-2</c:v>
                </c:pt>
                <c:pt idx="10">
                  <c:v>5.292387308999999E-2</c:v>
                </c:pt>
                <c:pt idx="11">
                  <c:v>5.819879473999999E-2</c:v>
                </c:pt>
                <c:pt idx="12">
                  <c:v>6.4252972650000018E-2</c:v>
                </c:pt>
                <c:pt idx="13">
                  <c:v>7.0898190129999983E-2</c:v>
                </c:pt>
                <c:pt idx="14">
                  <c:v>7.8119382289999997E-2</c:v>
                </c:pt>
                <c:pt idx="15">
                  <c:v>8.6103744829999995E-2</c:v>
                </c:pt>
                <c:pt idx="16">
                  <c:v>9.458355601E-2</c:v>
                </c:pt>
                <c:pt idx="17">
                  <c:v>0.10415422913</c:v>
                </c:pt>
                <c:pt idx="18">
                  <c:v>0.11421176790999998</c:v>
                </c:pt>
                <c:pt idx="19">
                  <c:v>0.1251683086</c:v>
                </c:pt>
                <c:pt idx="20">
                  <c:v>0.13715665790000001</c:v>
                </c:pt>
                <c:pt idx="21">
                  <c:v>0.14991150800000003</c:v>
                </c:pt>
                <c:pt idx="22">
                  <c:v>0.1638741195</c:v>
                </c:pt>
                <c:pt idx="23">
                  <c:v>0.17917773119999997</c:v>
                </c:pt>
                <c:pt idx="24">
                  <c:v>0.19520585239999999</c:v>
                </c:pt>
                <c:pt idx="25">
                  <c:v>0.21338184180000003</c:v>
                </c:pt>
                <c:pt idx="26">
                  <c:v>0.2331700176</c:v>
                </c:pt>
                <c:pt idx="27">
                  <c:v>0.25462249659999997</c:v>
                </c:pt>
                <c:pt idx="28">
                  <c:v>0.27848786859999997</c:v>
                </c:pt>
                <c:pt idx="29">
                  <c:v>0.30428230759999997</c:v>
                </c:pt>
                <c:pt idx="30">
                  <c:v>0.33196096130000002</c:v>
                </c:pt>
                <c:pt idx="31">
                  <c:v>0.36130078879999999</c:v>
                </c:pt>
                <c:pt idx="32">
                  <c:v>0.39108019319999998</c:v>
                </c:pt>
                <c:pt idx="33">
                  <c:v>0.42101150010000005</c:v>
                </c:pt>
                <c:pt idx="34">
                  <c:v>0.45029858499999997</c:v>
                </c:pt>
                <c:pt idx="35">
                  <c:v>0.47715277219999996</c:v>
                </c:pt>
                <c:pt idx="36">
                  <c:v>0.5014232918999999</c:v>
                </c:pt>
                <c:pt idx="37">
                  <c:v>0.5224350914</c:v>
                </c:pt>
                <c:pt idx="38">
                  <c:v>0.54041340940000004</c:v>
                </c:pt>
                <c:pt idx="39">
                  <c:v>0.55614856630000009</c:v>
                </c:pt>
                <c:pt idx="40">
                  <c:v>0.56976523990000005</c:v>
                </c:pt>
                <c:pt idx="41">
                  <c:v>0.58144912129999993</c:v>
                </c:pt>
                <c:pt idx="42">
                  <c:v>0.5931116864</c:v>
                </c:pt>
                <c:pt idx="43">
                  <c:v>0.60414008050000001</c:v>
                </c:pt>
                <c:pt idx="44">
                  <c:v>0.61504553259999994</c:v>
                </c:pt>
                <c:pt idx="45">
                  <c:v>0.62600340700000001</c:v>
                </c:pt>
                <c:pt idx="46">
                  <c:v>0.63601280000000004</c:v>
                </c:pt>
                <c:pt idx="47">
                  <c:v>0.64540083700000006</c:v>
                </c:pt>
                <c:pt idx="48">
                  <c:v>0.6535326615</c:v>
                </c:pt>
                <c:pt idx="49">
                  <c:v>0.66026742760000001</c:v>
                </c:pt>
                <c:pt idx="50">
                  <c:v>0.66512026639999999</c:v>
                </c:pt>
                <c:pt idx="51">
                  <c:v>0.66863704479999997</c:v>
                </c:pt>
                <c:pt idx="52">
                  <c:v>0.66966675220000005</c:v>
                </c:pt>
                <c:pt idx="53">
                  <c:v>0.66874074189999999</c:v>
                </c:pt>
                <c:pt idx="54">
                  <c:v>0.66610623160000004</c:v>
                </c:pt>
                <c:pt idx="55">
                  <c:v>0.66081528360000008</c:v>
                </c:pt>
                <c:pt idx="56">
                  <c:v>0.65420971059999999</c:v>
                </c:pt>
                <c:pt idx="57">
                  <c:v>0.64624470469999995</c:v>
                </c:pt>
                <c:pt idx="58">
                  <c:v>0.63745183500000002</c:v>
                </c:pt>
                <c:pt idx="59">
                  <c:v>0.62842535970000002</c:v>
                </c:pt>
                <c:pt idx="60">
                  <c:v>0.61915268749999997</c:v>
                </c:pt>
                <c:pt idx="61">
                  <c:v>0.60962539920000003</c:v>
                </c:pt>
                <c:pt idx="62">
                  <c:v>0.60038205979999992</c:v>
                </c:pt>
                <c:pt idx="63">
                  <c:v>0.59051138160000005</c:v>
                </c:pt>
                <c:pt idx="64">
                  <c:v>0.58039981870000001</c:v>
                </c:pt>
                <c:pt idx="65">
                  <c:v>0.57041949780000001</c:v>
                </c:pt>
                <c:pt idx="66">
                  <c:v>0.56011071800000001</c:v>
                </c:pt>
                <c:pt idx="67">
                  <c:v>0.54951657350000005</c:v>
                </c:pt>
                <c:pt idx="68">
                  <c:v>0.53990805149999999</c:v>
                </c:pt>
                <c:pt idx="69">
                  <c:v>0.530041702</c:v>
                </c:pt>
                <c:pt idx="70">
                  <c:v>0.52115922420000005</c:v>
                </c:pt>
                <c:pt idx="71">
                  <c:v>0.51306953280000001</c:v>
                </c:pt>
                <c:pt idx="72">
                  <c:v>0.50587663800000005</c:v>
                </c:pt>
                <c:pt idx="73">
                  <c:v>0.50006231670000001</c:v>
                </c:pt>
                <c:pt idx="74">
                  <c:v>0.49515331540000002</c:v>
                </c:pt>
                <c:pt idx="75">
                  <c:v>0.49122748519999998</c:v>
                </c:pt>
                <c:pt idx="76">
                  <c:v>0.48786501589999998</c:v>
                </c:pt>
                <c:pt idx="77">
                  <c:v>0.48651596900000005</c:v>
                </c:pt>
                <c:pt idx="78">
                  <c:v>0.48529855160000002</c:v>
                </c:pt>
                <c:pt idx="79">
                  <c:v>0.48523873830000003</c:v>
                </c:pt>
                <c:pt idx="80">
                  <c:v>0.48515225950000002</c:v>
                </c:pt>
                <c:pt idx="81">
                  <c:v>0.48585342609999999</c:v>
                </c:pt>
                <c:pt idx="82">
                  <c:v>0.48677217210000001</c:v>
                </c:pt>
                <c:pt idx="83">
                  <c:v>0.48767469079999992</c:v>
                </c:pt>
                <c:pt idx="84">
                  <c:v>0.48877876250000002</c:v>
                </c:pt>
                <c:pt idx="85">
                  <c:v>0.48933511969999999</c:v>
                </c:pt>
                <c:pt idx="86">
                  <c:v>0.48957463350000002</c:v>
                </c:pt>
                <c:pt idx="87">
                  <c:v>0.48912606380000001</c:v>
                </c:pt>
                <c:pt idx="88">
                  <c:v>0.48773892229999999</c:v>
                </c:pt>
                <c:pt idx="89">
                  <c:v>0.48554816840000004</c:v>
                </c:pt>
                <c:pt idx="90">
                  <c:v>0.48167344189999994</c:v>
                </c:pt>
                <c:pt idx="91">
                  <c:v>0.47695686670000004</c:v>
                </c:pt>
                <c:pt idx="92">
                  <c:v>0.47151665390000003</c:v>
                </c:pt>
                <c:pt idx="93">
                  <c:v>0.46411934489999995</c:v>
                </c:pt>
                <c:pt idx="94">
                  <c:v>0.45578521490000001</c:v>
                </c:pt>
                <c:pt idx="95">
                  <c:v>0.44689425819999995</c:v>
                </c:pt>
                <c:pt idx="96">
                  <c:v>0.43640005589999997</c:v>
                </c:pt>
                <c:pt idx="97">
                  <c:v>0.42516501249999994</c:v>
                </c:pt>
                <c:pt idx="98">
                  <c:v>0.41381464899999998</c:v>
                </c:pt>
                <c:pt idx="99">
                  <c:v>0.40170490739999998</c:v>
                </c:pt>
                <c:pt idx="100">
                  <c:v>0.38864715400000005</c:v>
                </c:pt>
                <c:pt idx="101">
                  <c:v>0.3758415356</c:v>
                </c:pt>
                <c:pt idx="102">
                  <c:v>0.36274987459999997</c:v>
                </c:pt>
                <c:pt idx="103">
                  <c:v>0.34915855530000001</c:v>
                </c:pt>
                <c:pt idx="104">
                  <c:v>0.33550922570000002</c:v>
                </c:pt>
                <c:pt idx="105">
                  <c:v>0.32248900829999999</c:v>
                </c:pt>
                <c:pt idx="106">
                  <c:v>0.30942754449999998</c:v>
                </c:pt>
                <c:pt idx="107">
                  <c:v>0.29652389880000002</c:v>
                </c:pt>
                <c:pt idx="108">
                  <c:v>0.2845341414</c:v>
                </c:pt>
                <c:pt idx="109">
                  <c:v>0.27225273849999998</c:v>
                </c:pt>
                <c:pt idx="110">
                  <c:v>0.26075097920000001</c:v>
                </c:pt>
                <c:pt idx="111">
                  <c:v>0.2495324612</c:v>
                </c:pt>
                <c:pt idx="112">
                  <c:v>0.23791415990000001</c:v>
                </c:pt>
                <c:pt idx="113">
                  <c:v>0.22725388409999997</c:v>
                </c:pt>
                <c:pt idx="114">
                  <c:v>0.2159895003</c:v>
                </c:pt>
                <c:pt idx="115">
                  <c:v>0.20535539089999999</c:v>
                </c:pt>
                <c:pt idx="116">
                  <c:v>0.19495391849999999</c:v>
                </c:pt>
                <c:pt idx="117">
                  <c:v>0.18545539680000001</c:v>
                </c:pt>
                <c:pt idx="118">
                  <c:v>0.17590849110000001</c:v>
                </c:pt>
                <c:pt idx="119">
                  <c:v>0.1671410203</c:v>
                </c:pt>
                <c:pt idx="120">
                  <c:v>0.1581801176</c:v>
                </c:pt>
                <c:pt idx="121">
                  <c:v>0.15140502149999999</c:v>
                </c:pt>
                <c:pt idx="122">
                  <c:v>0.14460310339999999</c:v>
                </c:pt>
                <c:pt idx="123">
                  <c:v>0.13781230150000001</c:v>
                </c:pt>
                <c:pt idx="124">
                  <c:v>0.13357611000000003</c:v>
                </c:pt>
                <c:pt idx="125">
                  <c:v>0.12798492610000001</c:v>
                </c:pt>
                <c:pt idx="126">
                  <c:v>0.12342439590000001</c:v>
                </c:pt>
                <c:pt idx="127">
                  <c:v>0.11918123060000002</c:v>
                </c:pt>
                <c:pt idx="128">
                  <c:v>0.11529217659999999</c:v>
                </c:pt>
                <c:pt idx="129">
                  <c:v>0.11374570429999997</c:v>
                </c:pt>
                <c:pt idx="130">
                  <c:v>0.11260622740000001</c:v>
                </c:pt>
                <c:pt idx="131">
                  <c:v>0.11271007360000002</c:v>
                </c:pt>
                <c:pt idx="132">
                  <c:v>0.11168393490000003</c:v>
                </c:pt>
                <c:pt idx="133">
                  <c:v>0.11281716820000001</c:v>
                </c:pt>
                <c:pt idx="134">
                  <c:v>0.11259914940000001</c:v>
                </c:pt>
                <c:pt idx="135">
                  <c:v>0.11232782899999999</c:v>
                </c:pt>
                <c:pt idx="136">
                  <c:v>0.11345723270000002</c:v>
                </c:pt>
                <c:pt idx="137">
                  <c:v>0.11389617619999998</c:v>
                </c:pt>
                <c:pt idx="138">
                  <c:v>0.11534485220000001</c:v>
                </c:pt>
                <c:pt idx="139">
                  <c:v>0.11462910470000001</c:v>
                </c:pt>
                <c:pt idx="140">
                  <c:v>0.11556492740000002</c:v>
                </c:pt>
                <c:pt idx="141">
                  <c:v>0.11413078010000002</c:v>
                </c:pt>
                <c:pt idx="142">
                  <c:v>0.11430597299999998</c:v>
                </c:pt>
                <c:pt idx="143">
                  <c:v>0.11483925579999998</c:v>
                </c:pt>
                <c:pt idx="144">
                  <c:v>0.11412525170000001</c:v>
                </c:pt>
                <c:pt idx="145">
                  <c:v>0.11480215189999998</c:v>
                </c:pt>
                <c:pt idx="146">
                  <c:v>0.11433728040000002</c:v>
                </c:pt>
                <c:pt idx="147">
                  <c:v>0.11399863660000001</c:v>
                </c:pt>
                <c:pt idx="148">
                  <c:v>0.11390703909999997</c:v>
                </c:pt>
                <c:pt idx="149">
                  <c:v>0.11360053710000001</c:v>
                </c:pt>
                <c:pt idx="150">
                  <c:v>0.11333844059999998</c:v>
                </c:pt>
                <c:pt idx="151">
                  <c:v>0.1139066219</c:v>
                </c:pt>
                <c:pt idx="152">
                  <c:v>0.11424458030000001</c:v>
                </c:pt>
                <c:pt idx="153">
                  <c:v>0.11604239050000004</c:v>
                </c:pt>
                <c:pt idx="154">
                  <c:v>0.11829511819999999</c:v>
                </c:pt>
                <c:pt idx="155">
                  <c:v>0.1215181202</c:v>
                </c:pt>
                <c:pt idx="156">
                  <c:v>0.12557329230000003</c:v>
                </c:pt>
                <c:pt idx="157">
                  <c:v>0.13156354430000003</c:v>
                </c:pt>
                <c:pt idx="158">
                  <c:v>0.13823661210000002</c:v>
                </c:pt>
                <c:pt idx="159">
                  <c:v>0.146446839</c:v>
                </c:pt>
                <c:pt idx="160">
                  <c:v>0.155283913</c:v>
                </c:pt>
                <c:pt idx="161">
                  <c:v>0.16484944520000003</c:v>
                </c:pt>
                <c:pt idx="162">
                  <c:v>0.1728820801</c:v>
                </c:pt>
                <c:pt idx="163">
                  <c:v>0.18133796750000003</c:v>
                </c:pt>
                <c:pt idx="164">
                  <c:v>0.18889789279999997</c:v>
                </c:pt>
                <c:pt idx="165">
                  <c:v>0.19526894390000002</c:v>
                </c:pt>
                <c:pt idx="166">
                  <c:v>0.20184643569999997</c:v>
                </c:pt>
                <c:pt idx="167">
                  <c:v>0.2082269937</c:v>
                </c:pt>
                <c:pt idx="168">
                  <c:v>0.21517206720000001</c:v>
                </c:pt>
                <c:pt idx="169">
                  <c:v>0.22511677449999998</c:v>
                </c:pt>
                <c:pt idx="170">
                  <c:v>0.23583552240000002</c:v>
                </c:pt>
                <c:pt idx="171">
                  <c:v>0.24894046789999999</c:v>
                </c:pt>
                <c:pt idx="172">
                  <c:v>0.2629183531</c:v>
                </c:pt>
                <c:pt idx="173">
                  <c:v>0.27835674579999997</c:v>
                </c:pt>
                <c:pt idx="174">
                  <c:v>0.2951814532</c:v>
                </c:pt>
              </c:numCache>
            </c:numRef>
          </c:yVal>
          <c:smooth val="1"/>
          <c:extLst>
            <c:ext xmlns:c16="http://schemas.microsoft.com/office/drawing/2014/chart" uri="{C3380CC4-5D6E-409C-BE32-E72D297353CC}">
              <c16:uniqueId val="{00000013-A415-4ECF-917B-4C54DA15B2EC}"/>
            </c:ext>
          </c:extLst>
        </c:ser>
        <c:ser>
          <c:idx val="20"/>
          <c:order val="20"/>
          <c:tx>
            <c:strRef>
              <c:f>'Part 3'!$K$49</c:f>
              <c:strCache>
                <c:ptCount val="1"/>
                <c:pt idx="0">
                  <c:v>Sample 21</c:v>
                </c:pt>
              </c:strCache>
            </c:strRef>
          </c:tx>
          <c:spPr>
            <a:ln w="19050" cap="rnd">
              <a:solidFill>
                <a:schemeClr val="accent3">
                  <a:lumMod val="8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49:$GD$49</c:f>
              <c:numCache>
                <c:formatCode>General</c:formatCode>
                <c:ptCount val="175"/>
                <c:pt idx="0">
                  <c:v>1.4173232049999998E-2</c:v>
                </c:pt>
                <c:pt idx="1">
                  <c:v>1.5247665319999992E-2</c:v>
                </c:pt>
                <c:pt idx="2">
                  <c:v>1.6413688629999992E-2</c:v>
                </c:pt>
                <c:pt idx="3">
                  <c:v>1.8086969849999995E-2</c:v>
                </c:pt>
                <c:pt idx="4">
                  <c:v>1.963859054E-2</c:v>
                </c:pt>
                <c:pt idx="5">
                  <c:v>2.1422550079999991E-2</c:v>
                </c:pt>
                <c:pt idx="6">
                  <c:v>2.3399673369999999E-2</c:v>
                </c:pt>
                <c:pt idx="7">
                  <c:v>2.55363584E-2</c:v>
                </c:pt>
                <c:pt idx="8">
                  <c:v>2.8157912160000007E-2</c:v>
                </c:pt>
                <c:pt idx="9">
                  <c:v>3.1106919029999999E-2</c:v>
                </c:pt>
                <c:pt idx="10">
                  <c:v>3.3977180689999997E-2</c:v>
                </c:pt>
                <c:pt idx="11">
                  <c:v>3.7725582739999999E-2</c:v>
                </c:pt>
                <c:pt idx="12">
                  <c:v>4.1407719250000002E-2</c:v>
                </c:pt>
                <c:pt idx="13">
                  <c:v>4.5594245229999997E-2</c:v>
                </c:pt>
                <c:pt idx="14">
                  <c:v>5.0238057990000015E-2</c:v>
                </c:pt>
                <c:pt idx="15">
                  <c:v>5.5535607029999989E-2</c:v>
                </c:pt>
                <c:pt idx="16">
                  <c:v>6.1359167110000015E-2</c:v>
                </c:pt>
                <c:pt idx="17">
                  <c:v>6.7412421130000011E-2</c:v>
                </c:pt>
                <c:pt idx="18">
                  <c:v>7.4089184410000009E-2</c:v>
                </c:pt>
                <c:pt idx="19">
                  <c:v>8.1850916100000004E-2</c:v>
                </c:pt>
                <c:pt idx="20">
                  <c:v>8.9936129799999986E-2</c:v>
                </c:pt>
                <c:pt idx="21">
                  <c:v>9.9364310500000011E-2</c:v>
                </c:pt>
                <c:pt idx="22">
                  <c:v>0.1096936017</c:v>
                </c:pt>
                <c:pt idx="23">
                  <c:v>0.12083047620000001</c:v>
                </c:pt>
                <c:pt idx="24">
                  <c:v>0.13348522779999999</c:v>
                </c:pt>
                <c:pt idx="25">
                  <c:v>0.1475397497</c:v>
                </c:pt>
                <c:pt idx="26">
                  <c:v>0.16329763829999999</c:v>
                </c:pt>
                <c:pt idx="27">
                  <c:v>0.18095932149999999</c:v>
                </c:pt>
                <c:pt idx="28">
                  <c:v>0.20066035540000002</c:v>
                </c:pt>
                <c:pt idx="29">
                  <c:v>0.22232493759999999</c:v>
                </c:pt>
                <c:pt idx="30">
                  <c:v>0.2457864434</c:v>
                </c:pt>
                <c:pt idx="31">
                  <c:v>0.27061264960000003</c:v>
                </c:pt>
                <c:pt idx="32">
                  <c:v>0.29627635329999996</c:v>
                </c:pt>
                <c:pt idx="33">
                  <c:v>0.32201959940000002</c:v>
                </c:pt>
                <c:pt idx="34">
                  <c:v>0.34682772309999998</c:v>
                </c:pt>
                <c:pt idx="35">
                  <c:v>0.37002099300000002</c:v>
                </c:pt>
                <c:pt idx="36">
                  <c:v>0.39063840360000002</c:v>
                </c:pt>
                <c:pt idx="37">
                  <c:v>0.40857794130000002</c:v>
                </c:pt>
                <c:pt idx="38">
                  <c:v>0.42389675969999996</c:v>
                </c:pt>
                <c:pt idx="39">
                  <c:v>0.43711165339999997</c:v>
                </c:pt>
                <c:pt idx="40">
                  <c:v>0.44838526840000004</c:v>
                </c:pt>
                <c:pt idx="41">
                  <c:v>0.45869877939999998</c:v>
                </c:pt>
                <c:pt idx="42">
                  <c:v>0.46894239630000001</c:v>
                </c:pt>
                <c:pt idx="43">
                  <c:v>0.47919360550000001</c:v>
                </c:pt>
                <c:pt idx="44">
                  <c:v>0.48970960079999998</c:v>
                </c:pt>
                <c:pt idx="45">
                  <c:v>0.50035449120000008</c:v>
                </c:pt>
                <c:pt idx="46">
                  <c:v>0.51069719340000008</c:v>
                </c:pt>
                <c:pt idx="47">
                  <c:v>0.52083237469999999</c:v>
                </c:pt>
                <c:pt idx="48">
                  <c:v>0.52980605510000001</c:v>
                </c:pt>
                <c:pt idx="49">
                  <c:v>0.53766126940000003</c:v>
                </c:pt>
                <c:pt idx="50">
                  <c:v>0.54395099730000007</c:v>
                </c:pt>
                <c:pt idx="51">
                  <c:v>0.54888267069999996</c:v>
                </c:pt>
                <c:pt idx="52">
                  <c:v>0.55201183259999997</c:v>
                </c:pt>
                <c:pt idx="53">
                  <c:v>0.55340277409999994</c:v>
                </c:pt>
                <c:pt idx="54">
                  <c:v>0.55321330580000005</c:v>
                </c:pt>
                <c:pt idx="55">
                  <c:v>0.5509160608</c:v>
                </c:pt>
                <c:pt idx="56">
                  <c:v>0.54719547180000006</c:v>
                </c:pt>
                <c:pt idx="57">
                  <c:v>0.54263108969999996</c:v>
                </c:pt>
                <c:pt idx="58">
                  <c:v>0.53793270140000005</c:v>
                </c:pt>
                <c:pt idx="59">
                  <c:v>0.53278458120000005</c:v>
                </c:pt>
                <c:pt idx="60">
                  <c:v>0.52789451929999998</c:v>
                </c:pt>
                <c:pt idx="61">
                  <c:v>0.52307504420000006</c:v>
                </c:pt>
                <c:pt idx="62">
                  <c:v>0.51845887299999993</c:v>
                </c:pt>
                <c:pt idx="63">
                  <c:v>0.51431787009999996</c:v>
                </c:pt>
                <c:pt idx="64">
                  <c:v>0.50955135370000004</c:v>
                </c:pt>
                <c:pt idx="65">
                  <c:v>0.50560373819999993</c:v>
                </c:pt>
                <c:pt idx="66">
                  <c:v>0.50165465469999992</c:v>
                </c:pt>
                <c:pt idx="67">
                  <c:v>0.49806828790000002</c:v>
                </c:pt>
                <c:pt idx="68">
                  <c:v>0.49576354030000003</c:v>
                </c:pt>
                <c:pt idx="69">
                  <c:v>0.49411750580000002</c:v>
                </c:pt>
                <c:pt idx="70">
                  <c:v>0.49340593070000005</c:v>
                </c:pt>
                <c:pt idx="71">
                  <c:v>0.49428959930000005</c:v>
                </c:pt>
                <c:pt idx="72">
                  <c:v>0.49665067350000003</c:v>
                </c:pt>
                <c:pt idx="73">
                  <c:v>0.50107011200000007</c:v>
                </c:pt>
                <c:pt idx="74">
                  <c:v>0.50676644600000009</c:v>
                </c:pt>
                <c:pt idx="75">
                  <c:v>0.5142277851</c:v>
                </c:pt>
                <c:pt idx="76">
                  <c:v>0.52227590979999994</c:v>
                </c:pt>
                <c:pt idx="77">
                  <c:v>0.53255221239999995</c:v>
                </c:pt>
                <c:pt idx="78">
                  <c:v>0.54356292640000003</c:v>
                </c:pt>
                <c:pt idx="79">
                  <c:v>0.55567831549999991</c:v>
                </c:pt>
                <c:pt idx="80">
                  <c:v>0.56816108529999998</c:v>
                </c:pt>
                <c:pt idx="81">
                  <c:v>0.58096056429999998</c:v>
                </c:pt>
                <c:pt idx="82">
                  <c:v>0.59377621859999996</c:v>
                </c:pt>
                <c:pt idx="83">
                  <c:v>0.60658494389999995</c:v>
                </c:pt>
                <c:pt idx="84">
                  <c:v>0.61912816019999994</c:v>
                </c:pt>
                <c:pt idx="85">
                  <c:v>0.63051772119999994</c:v>
                </c:pt>
                <c:pt idx="86">
                  <c:v>0.6409102901</c:v>
                </c:pt>
                <c:pt idx="87">
                  <c:v>0.64951602370000006</c:v>
                </c:pt>
                <c:pt idx="88">
                  <c:v>0.65625096859999998</c:v>
                </c:pt>
                <c:pt idx="89">
                  <c:v>0.66132041809999997</c:v>
                </c:pt>
                <c:pt idx="90">
                  <c:v>0.66294165709999997</c:v>
                </c:pt>
                <c:pt idx="91">
                  <c:v>0.66257049889999997</c:v>
                </c:pt>
                <c:pt idx="92">
                  <c:v>0.66021905840000006</c:v>
                </c:pt>
                <c:pt idx="93">
                  <c:v>0.65503552549999999</c:v>
                </c:pt>
                <c:pt idx="94">
                  <c:v>0.64785480500000003</c:v>
                </c:pt>
                <c:pt idx="95">
                  <c:v>0.63841441269999999</c:v>
                </c:pt>
                <c:pt idx="96">
                  <c:v>0.62665289639999999</c:v>
                </c:pt>
                <c:pt idx="97">
                  <c:v>0.6133732945</c:v>
                </c:pt>
                <c:pt idx="98">
                  <c:v>0.59896545109999999</c:v>
                </c:pt>
                <c:pt idx="99">
                  <c:v>0.58292776339999997</c:v>
                </c:pt>
                <c:pt idx="100">
                  <c:v>0.56560231750000001</c:v>
                </c:pt>
                <c:pt idx="101">
                  <c:v>0.54765383150000002</c:v>
                </c:pt>
                <c:pt idx="102">
                  <c:v>0.52898412950000007</c:v>
                </c:pt>
                <c:pt idx="103">
                  <c:v>0.50981068620000003</c:v>
                </c:pt>
                <c:pt idx="104">
                  <c:v>0.4901353866</c:v>
                </c:pt>
                <c:pt idx="105">
                  <c:v>0.47081367670000002</c:v>
                </c:pt>
                <c:pt idx="106">
                  <c:v>0.45206741990000004</c:v>
                </c:pt>
                <c:pt idx="107">
                  <c:v>0.43292418120000004</c:v>
                </c:pt>
                <c:pt idx="108">
                  <c:v>0.41457520430000006</c:v>
                </c:pt>
                <c:pt idx="109">
                  <c:v>0.39610773320000003</c:v>
                </c:pt>
                <c:pt idx="110">
                  <c:v>0.37830802800000007</c:v>
                </c:pt>
                <c:pt idx="111">
                  <c:v>0.36113592989999999</c:v>
                </c:pt>
                <c:pt idx="112">
                  <c:v>0.34335614739999998</c:v>
                </c:pt>
                <c:pt idx="113">
                  <c:v>0.32585889099999998</c:v>
                </c:pt>
                <c:pt idx="114">
                  <c:v>0.3090648949</c:v>
                </c:pt>
                <c:pt idx="115">
                  <c:v>0.29228283459999999</c:v>
                </c:pt>
                <c:pt idx="116">
                  <c:v>0.27583149080000002</c:v>
                </c:pt>
                <c:pt idx="117">
                  <c:v>0.26007564370000003</c:v>
                </c:pt>
                <c:pt idx="118">
                  <c:v>0.24509342020000002</c:v>
                </c:pt>
                <c:pt idx="119">
                  <c:v>0.230270207</c:v>
                </c:pt>
                <c:pt idx="120">
                  <c:v>0.21576848630000001</c:v>
                </c:pt>
                <c:pt idx="121">
                  <c:v>0.20303414760000002</c:v>
                </c:pt>
                <c:pt idx="122">
                  <c:v>0.19052436950000001</c:v>
                </c:pt>
                <c:pt idx="123">
                  <c:v>0.1783960014</c:v>
                </c:pt>
                <c:pt idx="124">
                  <c:v>0.16745267810000003</c:v>
                </c:pt>
                <c:pt idx="125">
                  <c:v>0.1584641188</c:v>
                </c:pt>
                <c:pt idx="126">
                  <c:v>0.14736254509999999</c:v>
                </c:pt>
                <c:pt idx="127">
                  <c:v>0.1390244216</c:v>
                </c:pt>
                <c:pt idx="128">
                  <c:v>0.1328939646</c:v>
                </c:pt>
                <c:pt idx="129">
                  <c:v>0.12572474779999998</c:v>
                </c:pt>
                <c:pt idx="130">
                  <c:v>0.12032181020000002</c:v>
                </c:pt>
                <c:pt idx="131">
                  <c:v>0.11766786880000002</c:v>
                </c:pt>
                <c:pt idx="132">
                  <c:v>0.11433312300000001</c:v>
                </c:pt>
                <c:pt idx="133">
                  <c:v>0.110627532</c:v>
                </c:pt>
                <c:pt idx="134">
                  <c:v>0.1074335575</c:v>
                </c:pt>
                <c:pt idx="135">
                  <c:v>0.1045099645</c:v>
                </c:pt>
                <c:pt idx="136">
                  <c:v>0.1038275957</c:v>
                </c:pt>
                <c:pt idx="137">
                  <c:v>0.10326296089999998</c:v>
                </c:pt>
                <c:pt idx="138">
                  <c:v>0.10249340540000001</c:v>
                </c:pt>
                <c:pt idx="139">
                  <c:v>0.10131222009999999</c:v>
                </c:pt>
                <c:pt idx="140">
                  <c:v>0.10013669729999999</c:v>
                </c:pt>
                <c:pt idx="141">
                  <c:v>9.9050760200000004E-2</c:v>
                </c:pt>
                <c:pt idx="142">
                  <c:v>9.8825380200000007E-2</c:v>
                </c:pt>
                <c:pt idx="143">
                  <c:v>9.9992498699999988E-2</c:v>
                </c:pt>
                <c:pt idx="144">
                  <c:v>0.10000021749999999</c:v>
                </c:pt>
                <c:pt idx="145">
                  <c:v>0.1025162637</c:v>
                </c:pt>
                <c:pt idx="146">
                  <c:v>0.10307990010000001</c:v>
                </c:pt>
                <c:pt idx="147">
                  <c:v>0.10410244770000002</c:v>
                </c:pt>
                <c:pt idx="148">
                  <c:v>0.10520732400000002</c:v>
                </c:pt>
                <c:pt idx="149">
                  <c:v>0.10588075219999998</c:v>
                </c:pt>
                <c:pt idx="150">
                  <c:v>0.10709300630000002</c:v>
                </c:pt>
                <c:pt idx="151">
                  <c:v>0.10732874270000003</c:v>
                </c:pt>
                <c:pt idx="152">
                  <c:v>0.10790261629999998</c:v>
                </c:pt>
                <c:pt idx="153">
                  <c:v>0.10965575280000001</c:v>
                </c:pt>
                <c:pt idx="154">
                  <c:v>0.11084313690000003</c:v>
                </c:pt>
                <c:pt idx="155">
                  <c:v>0.11301006380000003</c:v>
                </c:pt>
                <c:pt idx="156">
                  <c:v>0.11556704340000001</c:v>
                </c:pt>
                <c:pt idx="157">
                  <c:v>0.11969378589999999</c:v>
                </c:pt>
                <c:pt idx="158">
                  <c:v>0.12390673160000001</c:v>
                </c:pt>
                <c:pt idx="159">
                  <c:v>0.12936548889999999</c:v>
                </c:pt>
                <c:pt idx="160">
                  <c:v>0.13573335110000001</c:v>
                </c:pt>
                <c:pt idx="161">
                  <c:v>0.14246760300000003</c:v>
                </c:pt>
                <c:pt idx="162">
                  <c:v>0.14970242979999998</c:v>
                </c:pt>
                <c:pt idx="163">
                  <c:v>0.1562948972</c:v>
                </c:pt>
                <c:pt idx="164">
                  <c:v>0.16182078420000001</c:v>
                </c:pt>
                <c:pt idx="165">
                  <c:v>0.16705216470000003</c:v>
                </c:pt>
                <c:pt idx="166">
                  <c:v>0.17137734590000001</c:v>
                </c:pt>
                <c:pt idx="167">
                  <c:v>0.1763121933</c:v>
                </c:pt>
                <c:pt idx="168">
                  <c:v>0.1824850291</c:v>
                </c:pt>
                <c:pt idx="169">
                  <c:v>0.1913338453</c:v>
                </c:pt>
                <c:pt idx="170">
                  <c:v>0.20295122270000002</c:v>
                </c:pt>
                <c:pt idx="171">
                  <c:v>0.21769854429999999</c:v>
                </c:pt>
                <c:pt idx="172">
                  <c:v>0.2333593964</c:v>
                </c:pt>
                <c:pt idx="173">
                  <c:v>0.25141961870000001</c:v>
                </c:pt>
                <c:pt idx="174">
                  <c:v>0.2706144452</c:v>
                </c:pt>
              </c:numCache>
            </c:numRef>
          </c:yVal>
          <c:smooth val="1"/>
          <c:extLst>
            <c:ext xmlns:c16="http://schemas.microsoft.com/office/drawing/2014/chart" uri="{C3380CC4-5D6E-409C-BE32-E72D297353CC}">
              <c16:uniqueId val="{00000014-A415-4ECF-917B-4C54DA15B2EC}"/>
            </c:ext>
          </c:extLst>
        </c:ser>
        <c:ser>
          <c:idx val="21"/>
          <c:order val="21"/>
          <c:tx>
            <c:strRef>
              <c:f>'Part 3'!$K$50</c:f>
              <c:strCache>
                <c:ptCount val="1"/>
                <c:pt idx="0">
                  <c:v>Sample 22</c:v>
                </c:pt>
              </c:strCache>
            </c:strRef>
          </c:tx>
          <c:spPr>
            <a:ln w="19050" cap="rnd">
              <a:solidFill>
                <a:schemeClr val="accent4">
                  <a:lumMod val="80000"/>
                </a:schemeClr>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50:$GD$50</c:f>
              <c:numCache>
                <c:formatCode>General</c:formatCode>
                <c:ptCount val="175"/>
                <c:pt idx="0">
                  <c:v>1.3234600450000009E-2</c:v>
                </c:pt>
                <c:pt idx="1">
                  <c:v>1.418676231999999E-2</c:v>
                </c:pt>
                <c:pt idx="2">
                  <c:v>1.5433892630000001E-2</c:v>
                </c:pt>
                <c:pt idx="3">
                  <c:v>1.6632862349999999E-2</c:v>
                </c:pt>
                <c:pt idx="4">
                  <c:v>1.8353797540000008E-2</c:v>
                </c:pt>
                <c:pt idx="5">
                  <c:v>1.9839733880000002E-2</c:v>
                </c:pt>
                <c:pt idx="6">
                  <c:v>2.1883591970000005E-2</c:v>
                </c:pt>
                <c:pt idx="7">
                  <c:v>2.41079181E-2</c:v>
                </c:pt>
                <c:pt idx="8">
                  <c:v>2.6427388160000009E-2</c:v>
                </c:pt>
                <c:pt idx="9">
                  <c:v>2.9062956530000003E-2</c:v>
                </c:pt>
                <c:pt idx="10">
                  <c:v>3.1875967990000004E-2</c:v>
                </c:pt>
                <c:pt idx="11">
                  <c:v>3.5017982140000001E-2</c:v>
                </c:pt>
                <c:pt idx="12">
                  <c:v>3.8453608750000007E-2</c:v>
                </c:pt>
                <c:pt idx="13">
                  <c:v>4.2322933630000004E-2</c:v>
                </c:pt>
                <c:pt idx="14">
                  <c:v>4.6971350889999999E-2</c:v>
                </c:pt>
                <c:pt idx="15">
                  <c:v>5.1541425330000001E-2</c:v>
                </c:pt>
                <c:pt idx="16">
                  <c:v>5.6954160310000015E-2</c:v>
                </c:pt>
                <c:pt idx="17">
                  <c:v>6.2866464230000002E-2</c:v>
                </c:pt>
                <c:pt idx="18">
                  <c:v>6.9245383110000003E-2</c:v>
                </c:pt>
                <c:pt idx="19">
                  <c:v>7.582196590000001E-2</c:v>
                </c:pt>
                <c:pt idx="20">
                  <c:v>8.3284713399999988E-2</c:v>
                </c:pt>
                <c:pt idx="21">
                  <c:v>9.1811776200000014E-2</c:v>
                </c:pt>
                <c:pt idx="22">
                  <c:v>0.1012653261</c:v>
                </c:pt>
                <c:pt idx="23">
                  <c:v>0.11178764699999999</c:v>
                </c:pt>
                <c:pt idx="24">
                  <c:v>0.12324287</c:v>
                </c:pt>
                <c:pt idx="25">
                  <c:v>0.1360196471</c:v>
                </c:pt>
                <c:pt idx="26">
                  <c:v>0.15041114389999999</c:v>
                </c:pt>
                <c:pt idx="27">
                  <c:v>0.1659783199</c:v>
                </c:pt>
                <c:pt idx="28">
                  <c:v>0.1836804524</c:v>
                </c:pt>
                <c:pt idx="29">
                  <c:v>0.20366534589999996</c:v>
                </c:pt>
                <c:pt idx="30">
                  <c:v>0.22463028140000002</c:v>
                </c:pt>
                <c:pt idx="31">
                  <c:v>0.24705397340000002</c:v>
                </c:pt>
                <c:pt idx="32">
                  <c:v>0.27016704529999996</c:v>
                </c:pt>
                <c:pt idx="33">
                  <c:v>0.29341339320000004</c:v>
                </c:pt>
                <c:pt idx="34">
                  <c:v>0.31596446789999999</c:v>
                </c:pt>
                <c:pt idx="35">
                  <c:v>0.33684838559999997</c:v>
                </c:pt>
                <c:pt idx="36">
                  <c:v>0.35528143499999998</c:v>
                </c:pt>
                <c:pt idx="37">
                  <c:v>0.37134047599999997</c:v>
                </c:pt>
                <c:pt idx="38">
                  <c:v>0.3850530385</c:v>
                </c:pt>
                <c:pt idx="39">
                  <c:v>0.39683971560000003</c:v>
                </c:pt>
                <c:pt idx="40">
                  <c:v>0.40722998970000002</c:v>
                </c:pt>
                <c:pt idx="41">
                  <c:v>0.41650769120000003</c:v>
                </c:pt>
                <c:pt idx="42">
                  <c:v>0.42562090600000002</c:v>
                </c:pt>
                <c:pt idx="43">
                  <c:v>0.43489000950000001</c:v>
                </c:pt>
                <c:pt idx="44">
                  <c:v>0.44433818760000005</c:v>
                </c:pt>
                <c:pt idx="45">
                  <c:v>0.45397587869999995</c:v>
                </c:pt>
                <c:pt idx="46">
                  <c:v>0.46300084140000003</c:v>
                </c:pt>
                <c:pt idx="47">
                  <c:v>0.4719442278</c:v>
                </c:pt>
                <c:pt idx="48">
                  <c:v>0.48030624539999994</c:v>
                </c:pt>
                <c:pt idx="49">
                  <c:v>0.48714132609999994</c:v>
                </c:pt>
                <c:pt idx="50">
                  <c:v>0.49283637860000001</c:v>
                </c:pt>
                <c:pt idx="51">
                  <c:v>0.49723190820000002</c:v>
                </c:pt>
                <c:pt idx="52">
                  <c:v>0.4999542683</c:v>
                </c:pt>
                <c:pt idx="53">
                  <c:v>0.50097935649999992</c:v>
                </c:pt>
                <c:pt idx="54">
                  <c:v>0.50076181450000001</c:v>
                </c:pt>
                <c:pt idx="55">
                  <c:v>0.49889503410000002</c:v>
                </c:pt>
                <c:pt idx="56">
                  <c:v>0.49564681200000005</c:v>
                </c:pt>
                <c:pt idx="57">
                  <c:v>0.4915190935</c:v>
                </c:pt>
                <c:pt idx="58">
                  <c:v>0.48711217200000001</c:v>
                </c:pt>
                <c:pt idx="59">
                  <c:v>0.48238700630000009</c:v>
                </c:pt>
                <c:pt idx="60">
                  <c:v>0.47803416099999996</c:v>
                </c:pt>
                <c:pt idx="61">
                  <c:v>0.47374874359999997</c:v>
                </c:pt>
                <c:pt idx="62">
                  <c:v>0.46946534509999999</c:v>
                </c:pt>
                <c:pt idx="63">
                  <c:v>0.46563982960000005</c:v>
                </c:pt>
                <c:pt idx="64">
                  <c:v>0.46124959730000004</c:v>
                </c:pt>
                <c:pt idx="65">
                  <c:v>0.45783818519999997</c:v>
                </c:pt>
                <c:pt idx="66">
                  <c:v>0.45396330949999997</c:v>
                </c:pt>
                <c:pt idx="67">
                  <c:v>0.45052863659999998</c:v>
                </c:pt>
                <c:pt idx="68">
                  <c:v>0.44856172800000005</c:v>
                </c:pt>
                <c:pt idx="69">
                  <c:v>0.44668812300000005</c:v>
                </c:pt>
                <c:pt idx="70">
                  <c:v>0.44626646489999999</c:v>
                </c:pt>
                <c:pt idx="71">
                  <c:v>0.4473632797</c:v>
                </c:pt>
                <c:pt idx="72">
                  <c:v>0.44946000730000002</c:v>
                </c:pt>
                <c:pt idx="73">
                  <c:v>0.4529526532</c:v>
                </c:pt>
                <c:pt idx="74">
                  <c:v>0.45814598349999996</c:v>
                </c:pt>
                <c:pt idx="75">
                  <c:v>0.46456471829999996</c:v>
                </c:pt>
                <c:pt idx="76">
                  <c:v>0.47219876949999995</c:v>
                </c:pt>
                <c:pt idx="77">
                  <c:v>0.48126503819999999</c:v>
                </c:pt>
                <c:pt idx="78">
                  <c:v>0.49092087900000003</c:v>
                </c:pt>
                <c:pt idx="79">
                  <c:v>0.50157458329999993</c:v>
                </c:pt>
                <c:pt idx="80">
                  <c:v>0.51255024969999996</c:v>
                </c:pt>
                <c:pt idx="81">
                  <c:v>0.52396660290000008</c:v>
                </c:pt>
                <c:pt idx="82">
                  <c:v>0.53560631719999996</c:v>
                </c:pt>
                <c:pt idx="83">
                  <c:v>0.5470937267</c:v>
                </c:pt>
                <c:pt idx="84">
                  <c:v>0.55788045369999995</c:v>
                </c:pt>
                <c:pt idx="85">
                  <c:v>0.56820493929999993</c:v>
                </c:pt>
                <c:pt idx="86">
                  <c:v>0.57739933580000002</c:v>
                </c:pt>
                <c:pt idx="87">
                  <c:v>0.58501968530000004</c:v>
                </c:pt>
                <c:pt idx="88">
                  <c:v>0.59100027389999998</c:v>
                </c:pt>
                <c:pt idx="89">
                  <c:v>0.5953186453</c:v>
                </c:pt>
                <c:pt idx="90">
                  <c:v>0.59717728950000004</c:v>
                </c:pt>
                <c:pt idx="91">
                  <c:v>0.596830152</c:v>
                </c:pt>
                <c:pt idx="92">
                  <c:v>0.59423689539999991</c:v>
                </c:pt>
                <c:pt idx="93">
                  <c:v>0.58950802680000003</c:v>
                </c:pt>
                <c:pt idx="94">
                  <c:v>0.58298403030000001</c:v>
                </c:pt>
                <c:pt idx="95">
                  <c:v>0.57443132990000001</c:v>
                </c:pt>
                <c:pt idx="96">
                  <c:v>0.56379753350000006</c:v>
                </c:pt>
                <c:pt idx="97">
                  <c:v>0.55181528629999999</c:v>
                </c:pt>
                <c:pt idx="98">
                  <c:v>0.53889177740000005</c:v>
                </c:pt>
                <c:pt idx="99">
                  <c:v>0.52468997240000004</c:v>
                </c:pt>
                <c:pt idx="100">
                  <c:v>0.50908465690000004</c:v>
                </c:pt>
                <c:pt idx="101">
                  <c:v>0.49298707389999996</c:v>
                </c:pt>
                <c:pt idx="102">
                  <c:v>0.4761579037</c:v>
                </c:pt>
                <c:pt idx="103">
                  <c:v>0.45889258389999998</c:v>
                </c:pt>
                <c:pt idx="104">
                  <c:v>0.44154496489999995</c:v>
                </c:pt>
                <c:pt idx="105">
                  <c:v>0.42432586850000004</c:v>
                </c:pt>
                <c:pt idx="106">
                  <c:v>0.40671913330000004</c:v>
                </c:pt>
                <c:pt idx="107">
                  <c:v>0.3896745741</c:v>
                </c:pt>
                <c:pt idx="108">
                  <c:v>0.37320415679999996</c:v>
                </c:pt>
                <c:pt idx="109">
                  <c:v>0.35670915240000001</c:v>
                </c:pt>
                <c:pt idx="110">
                  <c:v>0.34057593350000004</c:v>
                </c:pt>
                <c:pt idx="111">
                  <c:v>0.324710846</c:v>
                </c:pt>
                <c:pt idx="112">
                  <c:v>0.30939732490000005</c:v>
                </c:pt>
                <c:pt idx="113">
                  <c:v>0.2940694391</c:v>
                </c:pt>
                <c:pt idx="114">
                  <c:v>0.27889987829999996</c:v>
                </c:pt>
                <c:pt idx="115">
                  <c:v>0.2635994404</c:v>
                </c:pt>
                <c:pt idx="116">
                  <c:v>0.24872106310000003</c:v>
                </c:pt>
                <c:pt idx="117">
                  <c:v>0.23478122060000001</c:v>
                </c:pt>
                <c:pt idx="118">
                  <c:v>0.22135286040000002</c:v>
                </c:pt>
                <c:pt idx="119">
                  <c:v>0.20808145410000001</c:v>
                </c:pt>
                <c:pt idx="120">
                  <c:v>0.19451063870000002</c:v>
                </c:pt>
                <c:pt idx="121">
                  <c:v>0.18383173640000003</c:v>
                </c:pt>
                <c:pt idx="122">
                  <c:v>0.1726297141</c:v>
                </c:pt>
                <c:pt idx="123">
                  <c:v>0.16177152090000002</c:v>
                </c:pt>
                <c:pt idx="124">
                  <c:v>0.15171341599999999</c:v>
                </c:pt>
                <c:pt idx="125">
                  <c:v>0.14359612760000001</c:v>
                </c:pt>
                <c:pt idx="126">
                  <c:v>0.13416655359999999</c:v>
                </c:pt>
                <c:pt idx="127">
                  <c:v>0.1256968826</c:v>
                </c:pt>
                <c:pt idx="128">
                  <c:v>0.11919222770000001</c:v>
                </c:pt>
                <c:pt idx="129">
                  <c:v>0.11390914029999999</c:v>
                </c:pt>
                <c:pt idx="130">
                  <c:v>0.10918094219999999</c:v>
                </c:pt>
                <c:pt idx="131">
                  <c:v>0.10696454350000001</c:v>
                </c:pt>
                <c:pt idx="132">
                  <c:v>0.10387127100000002</c:v>
                </c:pt>
                <c:pt idx="133">
                  <c:v>0.1005139947</c:v>
                </c:pt>
                <c:pt idx="134">
                  <c:v>9.8300099400000007E-2</c:v>
                </c:pt>
                <c:pt idx="135">
                  <c:v>9.549540279999999E-2</c:v>
                </c:pt>
                <c:pt idx="136">
                  <c:v>9.421309830000002E-2</c:v>
                </c:pt>
                <c:pt idx="137">
                  <c:v>9.2758670500000001E-2</c:v>
                </c:pt>
                <c:pt idx="138">
                  <c:v>9.3902647500000019E-2</c:v>
                </c:pt>
                <c:pt idx="139">
                  <c:v>9.2249855399999997E-2</c:v>
                </c:pt>
                <c:pt idx="140">
                  <c:v>9.1912642099999997E-2</c:v>
                </c:pt>
                <c:pt idx="141">
                  <c:v>9.040689460000001E-2</c:v>
                </c:pt>
                <c:pt idx="142">
                  <c:v>9.1124862400000006E-2</c:v>
                </c:pt>
                <c:pt idx="143">
                  <c:v>9.06316489E-2</c:v>
                </c:pt>
                <c:pt idx="144">
                  <c:v>9.1483652599999993E-2</c:v>
                </c:pt>
                <c:pt idx="145">
                  <c:v>9.3036442999999996E-2</c:v>
                </c:pt>
                <c:pt idx="146">
                  <c:v>9.3661785100000006E-2</c:v>
                </c:pt>
                <c:pt idx="147">
                  <c:v>9.4687715199999994E-2</c:v>
                </c:pt>
                <c:pt idx="148">
                  <c:v>9.5609396699999988E-2</c:v>
                </c:pt>
                <c:pt idx="149">
                  <c:v>9.643898900000003E-2</c:v>
                </c:pt>
                <c:pt idx="150">
                  <c:v>9.6813887300000012E-2</c:v>
                </c:pt>
                <c:pt idx="151">
                  <c:v>9.7846180200000021E-2</c:v>
                </c:pt>
                <c:pt idx="152">
                  <c:v>9.8068982400000004E-2</c:v>
                </c:pt>
                <c:pt idx="153">
                  <c:v>9.949465099999999E-2</c:v>
                </c:pt>
                <c:pt idx="154">
                  <c:v>0.1012832374</c:v>
                </c:pt>
                <c:pt idx="155">
                  <c:v>0.10322050750000003</c:v>
                </c:pt>
                <c:pt idx="156">
                  <c:v>0.10562975699999999</c:v>
                </c:pt>
                <c:pt idx="157">
                  <c:v>0.10862258080000001</c:v>
                </c:pt>
                <c:pt idx="158">
                  <c:v>0.1129027605</c:v>
                </c:pt>
                <c:pt idx="159">
                  <c:v>0.11832775179999999</c:v>
                </c:pt>
                <c:pt idx="160">
                  <c:v>0.12400399150000002</c:v>
                </c:pt>
                <c:pt idx="161">
                  <c:v>0.13043241200000003</c:v>
                </c:pt>
                <c:pt idx="162">
                  <c:v>0.13626888399999998</c:v>
                </c:pt>
                <c:pt idx="163">
                  <c:v>0.1425322443</c:v>
                </c:pt>
                <c:pt idx="164">
                  <c:v>0.14793016019999999</c:v>
                </c:pt>
                <c:pt idx="165">
                  <c:v>0.15228949490000002</c:v>
                </c:pt>
                <c:pt idx="166">
                  <c:v>0.15709705649999997</c:v>
                </c:pt>
                <c:pt idx="167">
                  <c:v>0.16137225920000001</c:v>
                </c:pt>
                <c:pt idx="168">
                  <c:v>0.16680903729999999</c:v>
                </c:pt>
                <c:pt idx="169">
                  <c:v>0.1757179052</c:v>
                </c:pt>
                <c:pt idx="170">
                  <c:v>0.18617215760000003</c:v>
                </c:pt>
                <c:pt idx="171">
                  <c:v>0.200022012</c:v>
                </c:pt>
                <c:pt idx="172">
                  <c:v>0.21407416459999998</c:v>
                </c:pt>
                <c:pt idx="173">
                  <c:v>0.23020185529999998</c:v>
                </c:pt>
                <c:pt idx="174">
                  <c:v>0.24806356429999998</c:v>
                </c:pt>
              </c:numCache>
            </c:numRef>
          </c:yVal>
          <c:smooth val="1"/>
          <c:extLst>
            <c:ext xmlns:c16="http://schemas.microsoft.com/office/drawing/2014/chart" uri="{C3380CC4-5D6E-409C-BE32-E72D297353CC}">
              <c16:uniqueId val="{00000015-A415-4ECF-917B-4C54DA15B2EC}"/>
            </c:ext>
          </c:extLst>
        </c:ser>
        <c:dLbls>
          <c:showLegendKey val="0"/>
          <c:showVal val="0"/>
          <c:showCatName val="0"/>
          <c:showSerName val="0"/>
          <c:showPercent val="0"/>
          <c:showBubbleSize val="0"/>
        </c:dLbls>
        <c:axId val="677506863"/>
        <c:axId val="677522255"/>
      </c:scatterChart>
      <c:valAx>
        <c:axId val="677506863"/>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Wavelength</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7522255"/>
        <c:crosses val="autoZero"/>
        <c:crossBetween val="midCat"/>
      </c:valAx>
      <c:valAx>
        <c:axId val="677522255"/>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Ab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75068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AU"/>
              <a:t>Standard</a:t>
            </a:r>
            <a:r>
              <a:rPr lang="en-AU" baseline="0"/>
              <a:t> Deviation Plot</a:t>
            </a:r>
            <a:endParaRPr lang="en-AU"/>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smoothMarker"/>
        <c:varyColors val="0"/>
        <c:ser>
          <c:idx val="0"/>
          <c:order val="0"/>
          <c:spPr>
            <a:ln w="19050" cap="rnd">
              <a:solidFill>
                <a:schemeClr val="accent1"/>
              </a:solidFill>
              <a:round/>
            </a:ln>
            <a:effectLst/>
          </c:spPr>
          <c:marker>
            <c:symbol val="none"/>
          </c:marker>
          <c:xVal>
            <c:strRef>
              <c:f>'Part 3'!$L$28:$GD$28</c:f>
              <c:strCache>
                <c:ptCount val="175"/>
                <c:pt idx="0">
                  <c:v>V599</c:v>
                </c:pt>
                <c:pt idx="1">
                  <c:v>V597</c:v>
                </c:pt>
                <c:pt idx="2">
                  <c:v>V595</c:v>
                </c:pt>
                <c:pt idx="3">
                  <c:v>V593</c:v>
                </c:pt>
                <c:pt idx="4">
                  <c:v>V591</c:v>
                </c:pt>
                <c:pt idx="5">
                  <c:v>V589</c:v>
                </c:pt>
                <c:pt idx="6">
                  <c:v>V587</c:v>
                </c:pt>
                <c:pt idx="7">
                  <c:v>V585</c:v>
                </c:pt>
                <c:pt idx="8">
                  <c:v>V583</c:v>
                </c:pt>
                <c:pt idx="9">
                  <c:v>V581</c:v>
                </c:pt>
                <c:pt idx="10">
                  <c:v>V579</c:v>
                </c:pt>
                <c:pt idx="11">
                  <c:v>V577</c:v>
                </c:pt>
                <c:pt idx="12">
                  <c:v>V575</c:v>
                </c:pt>
                <c:pt idx="13">
                  <c:v>V573</c:v>
                </c:pt>
                <c:pt idx="14">
                  <c:v>V571</c:v>
                </c:pt>
                <c:pt idx="15">
                  <c:v>V569</c:v>
                </c:pt>
                <c:pt idx="16">
                  <c:v>V567</c:v>
                </c:pt>
                <c:pt idx="17">
                  <c:v>V565</c:v>
                </c:pt>
                <c:pt idx="18">
                  <c:v>V563</c:v>
                </c:pt>
                <c:pt idx="19">
                  <c:v>V561</c:v>
                </c:pt>
                <c:pt idx="20">
                  <c:v>V559</c:v>
                </c:pt>
                <c:pt idx="21">
                  <c:v>V557</c:v>
                </c:pt>
                <c:pt idx="22">
                  <c:v>V555</c:v>
                </c:pt>
                <c:pt idx="23">
                  <c:v>V553</c:v>
                </c:pt>
                <c:pt idx="24">
                  <c:v>V551</c:v>
                </c:pt>
                <c:pt idx="25">
                  <c:v>V549</c:v>
                </c:pt>
                <c:pt idx="26">
                  <c:v>V547</c:v>
                </c:pt>
                <c:pt idx="27">
                  <c:v>V545</c:v>
                </c:pt>
                <c:pt idx="28">
                  <c:v>V543</c:v>
                </c:pt>
                <c:pt idx="29">
                  <c:v>V541</c:v>
                </c:pt>
                <c:pt idx="30">
                  <c:v>V539</c:v>
                </c:pt>
                <c:pt idx="31">
                  <c:v>V537</c:v>
                </c:pt>
                <c:pt idx="32">
                  <c:v>V535</c:v>
                </c:pt>
                <c:pt idx="33">
                  <c:v>V533</c:v>
                </c:pt>
                <c:pt idx="34">
                  <c:v>V531</c:v>
                </c:pt>
                <c:pt idx="35">
                  <c:v>V529</c:v>
                </c:pt>
                <c:pt idx="36">
                  <c:v>V527</c:v>
                </c:pt>
                <c:pt idx="37">
                  <c:v>V525</c:v>
                </c:pt>
                <c:pt idx="38">
                  <c:v>V523</c:v>
                </c:pt>
                <c:pt idx="39">
                  <c:v>V521</c:v>
                </c:pt>
                <c:pt idx="40">
                  <c:v>V519</c:v>
                </c:pt>
                <c:pt idx="41">
                  <c:v>V517</c:v>
                </c:pt>
                <c:pt idx="42">
                  <c:v>V515</c:v>
                </c:pt>
                <c:pt idx="43">
                  <c:v>V513</c:v>
                </c:pt>
                <c:pt idx="44">
                  <c:v>V511</c:v>
                </c:pt>
                <c:pt idx="45">
                  <c:v>V509</c:v>
                </c:pt>
                <c:pt idx="46">
                  <c:v>V507</c:v>
                </c:pt>
                <c:pt idx="47">
                  <c:v>V505</c:v>
                </c:pt>
                <c:pt idx="48">
                  <c:v>V503</c:v>
                </c:pt>
                <c:pt idx="49">
                  <c:v>V501</c:v>
                </c:pt>
                <c:pt idx="50">
                  <c:v>V499</c:v>
                </c:pt>
                <c:pt idx="51">
                  <c:v>V497</c:v>
                </c:pt>
                <c:pt idx="52">
                  <c:v>V495</c:v>
                </c:pt>
                <c:pt idx="53">
                  <c:v>V493</c:v>
                </c:pt>
                <c:pt idx="54">
                  <c:v>V491</c:v>
                </c:pt>
                <c:pt idx="55">
                  <c:v>V489</c:v>
                </c:pt>
                <c:pt idx="56">
                  <c:v>V487</c:v>
                </c:pt>
                <c:pt idx="57">
                  <c:v>V485</c:v>
                </c:pt>
                <c:pt idx="58">
                  <c:v>V483</c:v>
                </c:pt>
                <c:pt idx="59">
                  <c:v>V481</c:v>
                </c:pt>
                <c:pt idx="60">
                  <c:v>V479</c:v>
                </c:pt>
                <c:pt idx="61">
                  <c:v>V477</c:v>
                </c:pt>
                <c:pt idx="62">
                  <c:v>V475</c:v>
                </c:pt>
                <c:pt idx="63">
                  <c:v>V473</c:v>
                </c:pt>
                <c:pt idx="64">
                  <c:v>V471</c:v>
                </c:pt>
                <c:pt idx="65">
                  <c:v>V469</c:v>
                </c:pt>
                <c:pt idx="66">
                  <c:v>V467</c:v>
                </c:pt>
                <c:pt idx="67">
                  <c:v>V465</c:v>
                </c:pt>
                <c:pt idx="68">
                  <c:v>V463</c:v>
                </c:pt>
                <c:pt idx="69">
                  <c:v>V461</c:v>
                </c:pt>
                <c:pt idx="70">
                  <c:v>V459</c:v>
                </c:pt>
                <c:pt idx="71">
                  <c:v>V457</c:v>
                </c:pt>
                <c:pt idx="72">
                  <c:v>V455</c:v>
                </c:pt>
                <c:pt idx="73">
                  <c:v>V453</c:v>
                </c:pt>
                <c:pt idx="74">
                  <c:v>V451</c:v>
                </c:pt>
                <c:pt idx="75">
                  <c:v>V449</c:v>
                </c:pt>
                <c:pt idx="76">
                  <c:v>V447</c:v>
                </c:pt>
                <c:pt idx="77">
                  <c:v>V445</c:v>
                </c:pt>
                <c:pt idx="78">
                  <c:v>V443</c:v>
                </c:pt>
                <c:pt idx="79">
                  <c:v>V441</c:v>
                </c:pt>
                <c:pt idx="80">
                  <c:v>V439</c:v>
                </c:pt>
                <c:pt idx="81">
                  <c:v>V437</c:v>
                </c:pt>
                <c:pt idx="82">
                  <c:v>V435</c:v>
                </c:pt>
                <c:pt idx="83">
                  <c:v>V433</c:v>
                </c:pt>
                <c:pt idx="84">
                  <c:v>V431</c:v>
                </c:pt>
                <c:pt idx="85">
                  <c:v>V429</c:v>
                </c:pt>
                <c:pt idx="86">
                  <c:v>V427</c:v>
                </c:pt>
                <c:pt idx="87">
                  <c:v>V425</c:v>
                </c:pt>
                <c:pt idx="88">
                  <c:v>V423</c:v>
                </c:pt>
                <c:pt idx="89">
                  <c:v>V421</c:v>
                </c:pt>
                <c:pt idx="90">
                  <c:v>V419</c:v>
                </c:pt>
                <c:pt idx="91">
                  <c:v>V417</c:v>
                </c:pt>
                <c:pt idx="92">
                  <c:v>V415</c:v>
                </c:pt>
                <c:pt idx="93">
                  <c:v>V413</c:v>
                </c:pt>
                <c:pt idx="94">
                  <c:v>V411</c:v>
                </c:pt>
                <c:pt idx="95">
                  <c:v>V409</c:v>
                </c:pt>
                <c:pt idx="96">
                  <c:v>V407</c:v>
                </c:pt>
                <c:pt idx="97">
                  <c:v>V405</c:v>
                </c:pt>
                <c:pt idx="98">
                  <c:v>V403</c:v>
                </c:pt>
                <c:pt idx="99">
                  <c:v>V401</c:v>
                </c:pt>
                <c:pt idx="100">
                  <c:v>V399</c:v>
                </c:pt>
                <c:pt idx="101">
                  <c:v>V397</c:v>
                </c:pt>
                <c:pt idx="102">
                  <c:v>V395</c:v>
                </c:pt>
                <c:pt idx="103">
                  <c:v>V393</c:v>
                </c:pt>
                <c:pt idx="104">
                  <c:v>V391</c:v>
                </c:pt>
                <c:pt idx="105">
                  <c:v>V389</c:v>
                </c:pt>
                <c:pt idx="106">
                  <c:v>V387</c:v>
                </c:pt>
                <c:pt idx="107">
                  <c:v>V385</c:v>
                </c:pt>
                <c:pt idx="108">
                  <c:v>V383</c:v>
                </c:pt>
                <c:pt idx="109">
                  <c:v>V381</c:v>
                </c:pt>
                <c:pt idx="110">
                  <c:v>V379</c:v>
                </c:pt>
                <c:pt idx="111">
                  <c:v>V377</c:v>
                </c:pt>
                <c:pt idx="112">
                  <c:v>V375</c:v>
                </c:pt>
                <c:pt idx="113">
                  <c:v>V373</c:v>
                </c:pt>
                <c:pt idx="114">
                  <c:v>V371</c:v>
                </c:pt>
                <c:pt idx="115">
                  <c:v>V369</c:v>
                </c:pt>
                <c:pt idx="116">
                  <c:v>V367</c:v>
                </c:pt>
                <c:pt idx="117">
                  <c:v>V365</c:v>
                </c:pt>
                <c:pt idx="118">
                  <c:v>V363</c:v>
                </c:pt>
                <c:pt idx="119">
                  <c:v>V361</c:v>
                </c:pt>
                <c:pt idx="120">
                  <c:v>V359</c:v>
                </c:pt>
                <c:pt idx="121">
                  <c:v>V357</c:v>
                </c:pt>
                <c:pt idx="122">
                  <c:v>V355</c:v>
                </c:pt>
                <c:pt idx="123">
                  <c:v>V353</c:v>
                </c:pt>
                <c:pt idx="124">
                  <c:v>V351</c:v>
                </c:pt>
                <c:pt idx="125">
                  <c:v>V349</c:v>
                </c:pt>
                <c:pt idx="126">
                  <c:v>V347</c:v>
                </c:pt>
                <c:pt idx="127">
                  <c:v>V345</c:v>
                </c:pt>
                <c:pt idx="128">
                  <c:v>V343</c:v>
                </c:pt>
                <c:pt idx="129">
                  <c:v>V341</c:v>
                </c:pt>
                <c:pt idx="130">
                  <c:v>V339</c:v>
                </c:pt>
                <c:pt idx="131">
                  <c:v>V337</c:v>
                </c:pt>
                <c:pt idx="132">
                  <c:v>V335</c:v>
                </c:pt>
                <c:pt idx="133">
                  <c:v>V333</c:v>
                </c:pt>
                <c:pt idx="134">
                  <c:v>V331</c:v>
                </c:pt>
                <c:pt idx="135">
                  <c:v>V329</c:v>
                </c:pt>
                <c:pt idx="136">
                  <c:v>V327</c:v>
                </c:pt>
                <c:pt idx="137">
                  <c:v>V325</c:v>
                </c:pt>
                <c:pt idx="138">
                  <c:v>V323</c:v>
                </c:pt>
                <c:pt idx="139">
                  <c:v>V321</c:v>
                </c:pt>
                <c:pt idx="140">
                  <c:v>V319</c:v>
                </c:pt>
                <c:pt idx="141">
                  <c:v>V317</c:v>
                </c:pt>
                <c:pt idx="142">
                  <c:v>V315</c:v>
                </c:pt>
                <c:pt idx="143">
                  <c:v>V313</c:v>
                </c:pt>
                <c:pt idx="144">
                  <c:v>V311</c:v>
                </c:pt>
                <c:pt idx="145">
                  <c:v>V309</c:v>
                </c:pt>
                <c:pt idx="146">
                  <c:v>V307</c:v>
                </c:pt>
                <c:pt idx="147">
                  <c:v>V305</c:v>
                </c:pt>
                <c:pt idx="148">
                  <c:v>V303</c:v>
                </c:pt>
                <c:pt idx="149">
                  <c:v>V301</c:v>
                </c:pt>
                <c:pt idx="150">
                  <c:v>V299</c:v>
                </c:pt>
                <c:pt idx="151">
                  <c:v>V297</c:v>
                </c:pt>
                <c:pt idx="152">
                  <c:v>V295</c:v>
                </c:pt>
                <c:pt idx="153">
                  <c:v>V293</c:v>
                </c:pt>
                <c:pt idx="154">
                  <c:v>V291</c:v>
                </c:pt>
                <c:pt idx="155">
                  <c:v>V289</c:v>
                </c:pt>
                <c:pt idx="156">
                  <c:v>V287</c:v>
                </c:pt>
                <c:pt idx="157">
                  <c:v>V285</c:v>
                </c:pt>
                <c:pt idx="158">
                  <c:v>V283</c:v>
                </c:pt>
                <c:pt idx="159">
                  <c:v>V281</c:v>
                </c:pt>
                <c:pt idx="160">
                  <c:v>V279</c:v>
                </c:pt>
                <c:pt idx="161">
                  <c:v>V277</c:v>
                </c:pt>
                <c:pt idx="162">
                  <c:v>V275</c:v>
                </c:pt>
                <c:pt idx="163">
                  <c:v>V273</c:v>
                </c:pt>
                <c:pt idx="164">
                  <c:v>V271</c:v>
                </c:pt>
                <c:pt idx="165">
                  <c:v>V269</c:v>
                </c:pt>
                <c:pt idx="166">
                  <c:v>V267</c:v>
                </c:pt>
                <c:pt idx="167">
                  <c:v>V265</c:v>
                </c:pt>
                <c:pt idx="168">
                  <c:v>V263</c:v>
                </c:pt>
                <c:pt idx="169">
                  <c:v>V261</c:v>
                </c:pt>
                <c:pt idx="170">
                  <c:v>V259</c:v>
                </c:pt>
                <c:pt idx="171">
                  <c:v>V257</c:v>
                </c:pt>
                <c:pt idx="172">
                  <c:v>V255</c:v>
                </c:pt>
                <c:pt idx="173">
                  <c:v>V253</c:v>
                </c:pt>
                <c:pt idx="174">
                  <c:v>V251</c:v>
                </c:pt>
              </c:strCache>
            </c:strRef>
          </c:xVal>
          <c:yVal>
            <c:numRef>
              <c:f>'Part 3'!$L$51:$GD$51</c:f>
              <c:numCache>
                <c:formatCode>General</c:formatCode>
                <c:ptCount val="175"/>
                <c:pt idx="0">
                  <c:v>4.8567789572453073E-3</c:v>
                </c:pt>
                <c:pt idx="1">
                  <c:v>5.1816250997798611E-3</c:v>
                </c:pt>
                <c:pt idx="2">
                  <c:v>5.6174065501265859E-3</c:v>
                </c:pt>
                <c:pt idx="3">
                  <c:v>6.1069683572856663E-3</c:v>
                </c:pt>
                <c:pt idx="4">
                  <c:v>6.56146468730182E-3</c:v>
                </c:pt>
                <c:pt idx="5">
                  <c:v>7.1670294176905212E-3</c:v>
                </c:pt>
                <c:pt idx="6">
                  <c:v>7.8148173454836017E-3</c:v>
                </c:pt>
                <c:pt idx="7">
                  <c:v>8.5770708750730028E-3</c:v>
                </c:pt>
                <c:pt idx="8">
                  <c:v>9.3718366814336783E-3</c:v>
                </c:pt>
                <c:pt idx="9">
                  <c:v>1.0296944628684428E-2</c:v>
                </c:pt>
                <c:pt idx="10">
                  <c:v>1.1327100036778876E-2</c:v>
                </c:pt>
                <c:pt idx="11">
                  <c:v>1.2498436319407374E-2</c:v>
                </c:pt>
                <c:pt idx="12">
                  <c:v>1.3719207811667085E-2</c:v>
                </c:pt>
                <c:pt idx="13">
                  <c:v>1.5088064122448971E-2</c:v>
                </c:pt>
                <c:pt idx="14">
                  <c:v>1.6575287089005051E-2</c:v>
                </c:pt>
                <c:pt idx="15">
                  <c:v>1.8153363200746613E-2</c:v>
                </c:pt>
                <c:pt idx="16">
                  <c:v>1.9791965265110793E-2</c:v>
                </c:pt>
                <c:pt idx="17">
                  <c:v>2.162144396189062E-2</c:v>
                </c:pt>
                <c:pt idx="18">
                  <c:v>2.353347584862768E-2</c:v>
                </c:pt>
                <c:pt idx="19">
                  <c:v>2.5587739016492306E-2</c:v>
                </c:pt>
                <c:pt idx="20">
                  <c:v>2.7668634016154624E-2</c:v>
                </c:pt>
                <c:pt idx="21">
                  <c:v>2.987305732987091E-2</c:v>
                </c:pt>
                <c:pt idx="22">
                  <c:v>3.216175613192597E-2</c:v>
                </c:pt>
                <c:pt idx="23">
                  <c:v>3.4518820611351198E-2</c:v>
                </c:pt>
                <c:pt idx="24">
                  <c:v>3.7047988514754056E-2</c:v>
                </c:pt>
                <c:pt idx="25">
                  <c:v>3.9791308484728789E-2</c:v>
                </c:pt>
                <c:pt idx="26">
                  <c:v>4.2771905422873187E-2</c:v>
                </c:pt>
                <c:pt idx="27">
                  <c:v>4.6067640028709209E-2</c:v>
                </c:pt>
                <c:pt idx="28">
                  <c:v>4.9662822302210675E-2</c:v>
                </c:pt>
                <c:pt idx="29">
                  <c:v>5.3730280118533848E-2</c:v>
                </c:pt>
                <c:pt idx="30">
                  <c:v>5.8303747921197031E-2</c:v>
                </c:pt>
                <c:pt idx="31">
                  <c:v>6.3328677258654889E-2</c:v>
                </c:pt>
                <c:pt idx="32">
                  <c:v>6.8631306621018184E-2</c:v>
                </c:pt>
                <c:pt idx="33">
                  <c:v>7.4165941767998914E-2</c:v>
                </c:pt>
                <c:pt idx="34">
                  <c:v>7.9639541281631143E-2</c:v>
                </c:pt>
                <c:pt idx="35">
                  <c:v>8.489155998098788E-2</c:v>
                </c:pt>
                <c:pt idx="36">
                  <c:v>8.9742211225757387E-2</c:v>
                </c:pt>
                <c:pt idx="37">
                  <c:v>9.3938073006784625E-2</c:v>
                </c:pt>
                <c:pt idx="38">
                  <c:v>9.7586921439909782E-2</c:v>
                </c:pt>
                <c:pt idx="39">
                  <c:v>0.10059878695644869</c:v>
                </c:pt>
                <c:pt idx="40">
                  <c:v>0.10316673645537994</c:v>
                </c:pt>
                <c:pt idx="41">
                  <c:v>0.10538773589712788</c:v>
                </c:pt>
                <c:pt idx="42">
                  <c:v>0.10749364140149138</c:v>
                </c:pt>
                <c:pt idx="43">
                  <c:v>0.1095799790413482</c:v>
                </c:pt>
                <c:pt idx="44">
                  <c:v>0.11180205000704171</c:v>
                </c:pt>
                <c:pt idx="45">
                  <c:v>0.11406018846739734</c:v>
                </c:pt>
                <c:pt idx="46">
                  <c:v>0.11627940924952716</c:v>
                </c:pt>
                <c:pt idx="47">
                  <c:v>0.11842551789769311</c:v>
                </c:pt>
                <c:pt idx="48">
                  <c:v>0.12020200487790503</c:v>
                </c:pt>
                <c:pt idx="49">
                  <c:v>0.12170458889202866</c:v>
                </c:pt>
                <c:pt idx="50">
                  <c:v>0.12283589439661401</c:v>
                </c:pt>
                <c:pt idx="51">
                  <c:v>0.12357718577909484</c:v>
                </c:pt>
                <c:pt idx="52">
                  <c:v>0.12372231009789099</c:v>
                </c:pt>
                <c:pt idx="53">
                  <c:v>0.12337377834737127</c:v>
                </c:pt>
                <c:pt idx="54">
                  <c:v>0.12246940424277332</c:v>
                </c:pt>
                <c:pt idx="55">
                  <c:v>0.12099634263850956</c:v>
                </c:pt>
                <c:pt idx="56">
                  <c:v>0.11899217200095516</c:v>
                </c:pt>
                <c:pt idx="57">
                  <c:v>0.11654175039155426</c:v>
                </c:pt>
                <c:pt idx="58">
                  <c:v>0.11368831928712698</c:v>
                </c:pt>
                <c:pt idx="59">
                  <c:v>0.11064502466239169</c:v>
                </c:pt>
                <c:pt idx="60">
                  <c:v>0.10735158763085929</c:v>
                </c:pt>
                <c:pt idx="61">
                  <c:v>0.10386385023421792</c:v>
                </c:pt>
                <c:pt idx="62">
                  <c:v>0.10007433529910727</c:v>
                </c:pt>
                <c:pt idx="63">
                  <c:v>9.5920523102409838E-2</c:v>
                </c:pt>
                <c:pt idx="64">
                  <c:v>9.1346712955067438E-2</c:v>
                </c:pt>
                <c:pt idx="65">
                  <c:v>8.6286440806675746E-2</c:v>
                </c:pt>
                <c:pt idx="66">
                  <c:v>8.0834657984582198E-2</c:v>
                </c:pt>
                <c:pt idx="67">
                  <c:v>7.4979731377397579E-2</c:v>
                </c:pt>
                <c:pt idx="68">
                  <c:v>6.872448665760364E-2</c:v>
                </c:pt>
                <c:pt idx="69">
                  <c:v>6.2198145551644726E-2</c:v>
                </c:pt>
                <c:pt idx="70">
                  <c:v>5.5481827196486956E-2</c:v>
                </c:pt>
                <c:pt idx="71">
                  <c:v>4.8574291367325523E-2</c:v>
                </c:pt>
                <c:pt idx="72">
                  <c:v>4.1730748231490838E-2</c:v>
                </c:pt>
                <c:pt idx="73">
                  <c:v>3.5003915906047491E-2</c:v>
                </c:pt>
                <c:pt idx="74">
                  <c:v>2.882947326466153E-2</c:v>
                </c:pt>
                <c:pt idx="75">
                  <c:v>2.3945728598307424E-2</c:v>
                </c:pt>
                <c:pt idx="76">
                  <c:v>2.1377473227702167E-2</c:v>
                </c:pt>
                <c:pt idx="77">
                  <c:v>2.2347911678624363E-2</c:v>
                </c:pt>
                <c:pt idx="78">
                  <c:v>2.6470956671151364E-2</c:v>
                </c:pt>
                <c:pt idx="79">
                  <c:v>3.2774635000489903E-2</c:v>
                </c:pt>
                <c:pt idx="80">
                  <c:v>4.010108161362419E-2</c:v>
                </c:pt>
                <c:pt idx="81">
                  <c:v>4.7861502480135203E-2</c:v>
                </c:pt>
                <c:pt idx="82">
                  <c:v>5.5907803191673162E-2</c:v>
                </c:pt>
                <c:pt idx="83">
                  <c:v>6.3919932657758527E-2</c:v>
                </c:pt>
                <c:pt idx="84">
                  <c:v>7.1607430206373279E-2</c:v>
                </c:pt>
                <c:pt idx="85">
                  <c:v>7.9036288957027939E-2</c:v>
                </c:pt>
                <c:pt idx="86">
                  <c:v>8.595875290666552E-2</c:v>
                </c:pt>
                <c:pt idx="87">
                  <c:v>9.2264212974197374E-2</c:v>
                </c:pt>
                <c:pt idx="88">
                  <c:v>9.788361093841505E-2</c:v>
                </c:pt>
                <c:pt idx="89">
                  <c:v>0.10270580819785302</c:v>
                </c:pt>
                <c:pt idx="90">
                  <c:v>0.10669614659256088</c:v>
                </c:pt>
                <c:pt idx="91">
                  <c:v>0.10990774889901905</c:v>
                </c:pt>
                <c:pt idx="92">
                  <c:v>0.11233871754950289</c:v>
                </c:pt>
                <c:pt idx="93">
                  <c:v>0.11390747597960782</c:v>
                </c:pt>
                <c:pt idx="94">
                  <c:v>0.11475447945928104</c:v>
                </c:pt>
                <c:pt idx="95">
                  <c:v>0.11490597291458156</c:v>
                </c:pt>
                <c:pt idx="96">
                  <c:v>0.11442291698991688</c:v>
                </c:pt>
                <c:pt idx="97">
                  <c:v>0.11340108813647357</c:v>
                </c:pt>
                <c:pt idx="98">
                  <c:v>0.11177167990008532</c:v>
                </c:pt>
                <c:pt idx="99">
                  <c:v>0.10968519690408239</c:v>
                </c:pt>
                <c:pt idx="100">
                  <c:v>0.10728829442583999</c:v>
                </c:pt>
                <c:pt idx="101">
                  <c:v>0.10443362346600311</c:v>
                </c:pt>
                <c:pt idx="102">
                  <c:v>0.10129583301915972</c:v>
                </c:pt>
                <c:pt idx="103">
                  <c:v>9.7934866064997531E-2</c:v>
                </c:pt>
                <c:pt idx="104">
                  <c:v>9.4415173769068161E-2</c:v>
                </c:pt>
                <c:pt idx="105">
                  <c:v>9.0814538832126354E-2</c:v>
                </c:pt>
                <c:pt idx="106">
                  <c:v>8.7200183249739577E-2</c:v>
                </c:pt>
                <c:pt idx="107">
                  <c:v>8.3652310137571434E-2</c:v>
                </c:pt>
                <c:pt idx="108">
                  <c:v>8.0031574018279775E-2</c:v>
                </c:pt>
                <c:pt idx="109">
                  <c:v>7.6402079396012387E-2</c:v>
                </c:pt>
                <c:pt idx="110">
                  <c:v>7.2777030952033042E-2</c:v>
                </c:pt>
                <c:pt idx="111">
                  <c:v>6.9226564051536724E-2</c:v>
                </c:pt>
                <c:pt idx="112">
                  <c:v>6.5563572577302415E-2</c:v>
                </c:pt>
                <c:pt idx="113">
                  <c:v>6.1901449459297764E-2</c:v>
                </c:pt>
                <c:pt idx="114">
                  <c:v>5.826376136793418E-2</c:v>
                </c:pt>
                <c:pt idx="115">
                  <c:v>5.461249907136248E-2</c:v>
                </c:pt>
                <c:pt idx="116">
                  <c:v>5.102689679354485E-2</c:v>
                </c:pt>
                <c:pt idx="117">
                  <c:v>4.736509182137344E-2</c:v>
                </c:pt>
                <c:pt idx="118">
                  <c:v>4.3858726342540989E-2</c:v>
                </c:pt>
                <c:pt idx="119">
                  <c:v>4.0279717895338581E-2</c:v>
                </c:pt>
                <c:pt idx="120">
                  <c:v>3.6721067157224715E-2</c:v>
                </c:pt>
                <c:pt idx="121">
                  <c:v>3.3424747143377988E-2</c:v>
                </c:pt>
                <c:pt idx="122">
                  <c:v>3.0049983087064552E-2</c:v>
                </c:pt>
                <c:pt idx="123">
                  <c:v>2.6905866034022667E-2</c:v>
                </c:pt>
                <c:pt idx="124">
                  <c:v>2.3815146424835301E-2</c:v>
                </c:pt>
                <c:pt idx="125">
                  <c:v>2.0834545068325404E-2</c:v>
                </c:pt>
                <c:pt idx="126">
                  <c:v>1.7648058162015916E-2</c:v>
                </c:pt>
                <c:pt idx="127">
                  <c:v>1.497267118537513E-2</c:v>
                </c:pt>
                <c:pt idx="128">
                  <c:v>1.2472881484613086E-2</c:v>
                </c:pt>
                <c:pt idx="129">
                  <c:v>1.0004253248367305E-2</c:v>
                </c:pt>
                <c:pt idx="130">
                  <c:v>8.2306403435246402E-3</c:v>
                </c:pt>
                <c:pt idx="131">
                  <c:v>7.1085502584663446E-3</c:v>
                </c:pt>
                <c:pt idx="132">
                  <c:v>6.5636617601819592E-3</c:v>
                </c:pt>
                <c:pt idx="133">
                  <c:v>6.8760636635022097E-3</c:v>
                </c:pt>
                <c:pt idx="134">
                  <c:v>7.8029304026898663E-3</c:v>
                </c:pt>
                <c:pt idx="135">
                  <c:v>8.8014159015183894E-3</c:v>
                </c:pt>
                <c:pt idx="136">
                  <c:v>1.0262986231478841E-2</c:v>
                </c:pt>
                <c:pt idx="137">
                  <c:v>1.1281917303346024E-2</c:v>
                </c:pt>
                <c:pt idx="138">
                  <c:v>1.2227468626757339E-2</c:v>
                </c:pt>
                <c:pt idx="139">
                  <c:v>1.2982447592151499E-2</c:v>
                </c:pt>
                <c:pt idx="140">
                  <c:v>1.348910613022968E-2</c:v>
                </c:pt>
                <c:pt idx="141">
                  <c:v>1.3672735061753023E-2</c:v>
                </c:pt>
                <c:pt idx="142">
                  <c:v>1.3698821476908154E-2</c:v>
                </c:pt>
                <c:pt idx="143">
                  <c:v>1.3369582288624863E-2</c:v>
                </c:pt>
                <c:pt idx="144">
                  <c:v>1.2883796501446334E-2</c:v>
                </c:pt>
                <c:pt idx="145">
                  <c:v>1.2305867571872006E-2</c:v>
                </c:pt>
                <c:pt idx="146">
                  <c:v>1.1633034983692624E-2</c:v>
                </c:pt>
                <c:pt idx="147">
                  <c:v>1.0884649042944318E-2</c:v>
                </c:pt>
                <c:pt idx="148">
                  <c:v>1.0217302991119719E-2</c:v>
                </c:pt>
                <c:pt idx="149">
                  <c:v>9.6159198420207228E-3</c:v>
                </c:pt>
                <c:pt idx="150">
                  <c:v>9.2437856582026651E-3</c:v>
                </c:pt>
                <c:pt idx="151">
                  <c:v>8.9556246954955957E-3</c:v>
                </c:pt>
                <c:pt idx="152">
                  <c:v>8.7823383917263464E-3</c:v>
                </c:pt>
                <c:pt idx="153">
                  <c:v>8.9027937886860965E-3</c:v>
                </c:pt>
                <c:pt idx="154">
                  <c:v>9.1663247377413975E-3</c:v>
                </c:pt>
                <c:pt idx="155">
                  <c:v>9.874743892231197E-3</c:v>
                </c:pt>
                <c:pt idx="156">
                  <c:v>1.0729356241316804E-2</c:v>
                </c:pt>
                <c:pt idx="157">
                  <c:v>1.2020495460400148E-2</c:v>
                </c:pt>
                <c:pt idx="158">
                  <c:v>1.3326723030822383E-2</c:v>
                </c:pt>
                <c:pt idx="159">
                  <c:v>1.4804464759956101E-2</c:v>
                </c:pt>
                <c:pt idx="160">
                  <c:v>1.6209284370729635E-2</c:v>
                </c:pt>
                <c:pt idx="161">
                  <c:v>1.7746752215772949E-2</c:v>
                </c:pt>
                <c:pt idx="162">
                  <c:v>1.9138192296997553E-2</c:v>
                </c:pt>
                <c:pt idx="163">
                  <c:v>2.0536138823034358E-2</c:v>
                </c:pt>
                <c:pt idx="164">
                  <c:v>2.1959730902935203E-2</c:v>
                </c:pt>
                <c:pt idx="165">
                  <c:v>2.3080532164086891E-2</c:v>
                </c:pt>
                <c:pt idx="166">
                  <c:v>2.3955049821209756E-2</c:v>
                </c:pt>
                <c:pt idx="167">
                  <c:v>2.4691135989368687E-2</c:v>
                </c:pt>
                <c:pt idx="168">
                  <c:v>2.5299891511414898E-2</c:v>
                </c:pt>
                <c:pt idx="169">
                  <c:v>2.5587793806370045E-2</c:v>
                </c:pt>
                <c:pt idx="170">
                  <c:v>2.5788126588572182E-2</c:v>
                </c:pt>
                <c:pt idx="171">
                  <c:v>2.5934183843770057E-2</c:v>
                </c:pt>
                <c:pt idx="172">
                  <c:v>2.6049804066604225E-2</c:v>
                </c:pt>
                <c:pt idx="173">
                  <c:v>2.6403673056726702E-2</c:v>
                </c:pt>
                <c:pt idx="174">
                  <c:v>2.6902803290192043E-2</c:v>
                </c:pt>
              </c:numCache>
            </c:numRef>
          </c:yVal>
          <c:smooth val="1"/>
          <c:extLst>
            <c:ext xmlns:c16="http://schemas.microsoft.com/office/drawing/2014/chart" uri="{C3380CC4-5D6E-409C-BE32-E72D297353CC}">
              <c16:uniqueId val="{00000000-33F3-4DF4-BA95-7F2E4ED6647D}"/>
            </c:ext>
          </c:extLst>
        </c:ser>
        <c:dLbls>
          <c:showLegendKey val="0"/>
          <c:showVal val="0"/>
          <c:showCatName val="0"/>
          <c:showSerName val="0"/>
          <c:showPercent val="0"/>
          <c:showBubbleSize val="0"/>
        </c:dLbls>
        <c:axId val="625618767"/>
        <c:axId val="625608367"/>
      </c:scatterChart>
      <c:valAx>
        <c:axId val="625618767"/>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Wavelength</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25608367"/>
        <c:crosses val="autoZero"/>
        <c:crossBetween val="midCat"/>
      </c:valAx>
      <c:valAx>
        <c:axId val="625608367"/>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Std Dev.</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25618767"/>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447</TotalTime>
  <Pages>12</Pages>
  <Words>1451</Words>
  <Characters>8275</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7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osie Tang</dc:creator>
  <cp:keywords/>
  <dc:description/>
  <cp:lastModifiedBy>Josie Tang</cp:lastModifiedBy>
  <cp:revision>44</cp:revision>
  <dcterms:created xsi:type="dcterms:W3CDTF">2022-08-09T23:05:00Z</dcterms:created>
  <dcterms:modified xsi:type="dcterms:W3CDTF">2022-10-10T03:39:00Z</dcterms:modified>
</cp:coreProperties>
</file>